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wdp" ContentType="image/vnd.ms-photo"/>
  <Default Extension="gif" ContentType="image/gif"/>
  <Default Extension="vml" ContentType="application/vnd.openxmlformats-officedocument.vmlDrawing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3.xml" ContentType="application/vnd.openxmlformats-officedocument.presentationml.tags+xml"/>
  <Override PartName="/ppt/notesSlides/notesSlide2.xml" ContentType="application/vnd.openxmlformats-officedocument.presentationml.notesSlid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notesSlides/notesSlide3.xml" ContentType="application/vnd.openxmlformats-officedocument.presentationml.notesSlide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notesSlides/notesSlide4.xml" ContentType="application/vnd.openxmlformats-officedocument.presentationml.notesSlid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notesSlides/notesSlide5.xml" ContentType="application/vnd.openxmlformats-officedocument.presentationml.notesSlide+xml"/>
  <Override PartName="/ppt/tags/tag12.xml" ContentType="application/vnd.openxmlformats-officedocument.presentationml.tags+xml"/>
  <Override PartName="/ppt/notesSlides/notesSlide6.xml" ContentType="application/vnd.openxmlformats-officedocument.presentationml.notesSlide+xml"/>
  <Override PartName="/ppt/tags/tag13.xml" ContentType="application/vnd.openxmlformats-officedocument.presentationml.tags+xml"/>
  <Override PartName="/ppt/notesSlides/notesSlide7.xml" ContentType="application/vnd.openxmlformats-officedocument.presentationml.notesSlide+xml"/>
  <Override PartName="/ppt/tags/tag14.xml" ContentType="application/vnd.openxmlformats-officedocument.presentationml.tags+xml"/>
  <Override PartName="/ppt/notesSlides/notesSlide8.xml" ContentType="application/vnd.openxmlformats-officedocument.presentationml.notesSlide+xml"/>
  <Override PartName="/ppt/tags/tag15.xml" ContentType="application/vnd.openxmlformats-officedocument.presentationml.tags+xml"/>
  <Override PartName="/ppt/notesSlides/notesSlide9.xml" ContentType="application/vnd.openxmlformats-officedocument.presentationml.notesSlide+xml"/>
  <Override PartName="/ppt/tags/tag16.xml" ContentType="application/vnd.openxmlformats-officedocument.presentationml.tags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tags/tag17.xml" ContentType="application/vnd.openxmlformats-officedocument.presentationml.tags+xml"/>
  <Override PartName="/ppt/notesSlides/notesSlide12.xml" ContentType="application/vnd.openxmlformats-officedocument.presentationml.notesSlide+xml"/>
  <Override PartName="/ppt/tags/tag18.xml" ContentType="application/vnd.openxmlformats-officedocument.presentationml.tags+xml"/>
  <Override PartName="/ppt/notesSlides/notesSlide13.xml" ContentType="application/vnd.openxmlformats-officedocument.presentationml.notesSlide+xml"/>
  <Override PartName="/ppt/tags/tag19.xml" ContentType="application/vnd.openxmlformats-officedocument.presentationml.tags+xml"/>
  <Override PartName="/ppt/notesSlides/notesSlide14.xml" ContentType="application/vnd.openxmlformats-officedocument.presentationml.notesSlide+xml"/>
  <Override PartName="/ppt/tags/tag20.xml" ContentType="application/vnd.openxmlformats-officedocument.presentationml.tags+xml"/>
  <Override PartName="/ppt/notesSlides/notesSlide15.xml" ContentType="application/vnd.openxmlformats-officedocument.presentationml.notesSlide+xml"/>
  <Override PartName="/ppt/tags/tag21.xml" ContentType="application/vnd.openxmlformats-officedocument.presentationml.tags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685" r:id="rId2"/>
  </p:sldMasterIdLst>
  <p:notesMasterIdLst>
    <p:notesMasterId r:id="rId35"/>
  </p:notesMasterIdLst>
  <p:sldIdLst>
    <p:sldId id="414" r:id="rId3"/>
    <p:sldId id="389" r:id="rId4"/>
    <p:sldId id="400" r:id="rId5"/>
    <p:sldId id="409" r:id="rId6"/>
    <p:sldId id="405" r:id="rId7"/>
    <p:sldId id="356" r:id="rId8"/>
    <p:sldId id="404" r:id="rId9"/>
    <p:sldId id="403" r:id="rId10"/>
    <p:sldId id="406" r:id="rId11"/>
    <p:sldId id="332" r:id="rId12"/>
    <p:sldId id="371" r:id="rId13"/>
    <p:sldId id="372" r:id="rId14"/>
    <p:sldId id="373" r:id="rId15"/>
    <p:sldId id="374" r:id="rId16"/>
    <p:sldId id="391" r:id="rId17"/>
    <p:sldId id="346" r:id="rId18"/>
    <p:sldId id="336" r:id="rId19"/>
    <p:sldId id="350" r:id="rId20"/>
    <p:sldId id="280" r:id="rId21"/>
    <p:sldId id="283" r:id="rId22"/>
    <p:sldId id="282" r:id="rId23"/>
    <p:sldId id="286" r:id="rId24"/>
    <p:sldId id="392" r:id="rId25"/>
    <p:sldId id="397" r:id="rId26"/>
    <p:sldId id="393" r:id="rId27"/>
    <p:sldId id="285" r:id="rId28"/>
    <p:sldId id="362" r:id="rId29"/>
    <p:sldId id="387" r:id="rId30"/>
    <p:sldId id="388" r:id="rId31"/>
    <p:sldId id="394" r:id="rId32"/>
    <p:sldId id="415" r:id="rId33"/>
    <p:sldId id="413" r:id="rId34"/>
  </p:sldIdLst>
  <p:sldSz cx="9144000" cy="5143500" type="screen16x9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162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CC66"/>
    <a:srgbClr val="FF5050"/>
    <a:srgbClr val="92D050"/>
    <a:srgbClr val="FFAB81"/>
    <a:srgbClr val="339933"/>
    <a:srgbClr val="0715B7"/>
    <a:srgbClr val="0779B7"/>
    <a:srgbClr val="BCBCBC"/>
    <a:srgbClr val="019ADD"/>
    <a:srgbClr val="007635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2A488322-F2BA-4B5B-9748-0D474271808F}" styleName="Medium Style 3 - Accent 6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10A1B5D5-9B99-4C35-A422-299274C87663}" styleName="Medium Style 1 - Acc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6">
              <a:tint val="20000"/>
            </a:schemeClr>
          </a:solidFill>
        </a:fill>
      </a:tcStyle>
    </a:band1H>
    <a:band1V>
      <a:tcStyle>
        <a:tcBdr/>
        <a:fill>
          <a:solidFill>
            <a:schemeClr val="accent6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Row>
  </a:tblStyle>
  <a:tblStyle styleId="{073A0DAA-6AF3-43AB-8588-CEC1D06C72B9}" styleName="Medium Style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dk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00A15C55-8517-42AA-B614-E9B94910E393}" styleName="Medium Style 2 -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2500" autoAdjust="0"/>
    <p:restoredTop sz="94066" autoAdjust="0"/>
  </p:normalViewPr>
  <p:slideViewPr>
    <p:cSldViewPr snapToGrid="0">
      <p:cViewPr varScale="1">
        <p:scale>
          <a:sx n="108" d="100"/>
          <a:sy n="108" d="100"/>
        </p:scale>
        <p:origin x="-850" y="-77"/>
      </p:cViewPr>
      <p:guideLst>
        <p:guide orient="horz" pos="1620"/>
        <p:guide pos="2880"/>
      </p:guideLst>
    </p:cSldViewPr>
  </p:slideViewPr>
  <p:outlineViewPr>
    <p:cViewPr>
      <p:scale>
        <a:sx n="33" d="100"/>
        <a:sy n="33" d="100"/>
      </p:scale>
      <p:origin x="0" y="4056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38405" cy="38405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slide" Target="slides/slide24.xml"/><Relationship Id="rId39" Type="http://schemas.openxmlformats.org/officeDocument/2006/relationships/tableStyles" Target="tableStyles.xml"/><Relationship Id="rId3" Type="http://schemas.openxmlformats.org/officeDocument/2006/relationships/slide" Target="slides/slide1.xml"/><Relationship Id="rId21" Type="http://schemas.openxmlformats.org/officeDocument/2006/relationships/slide" Target="slides/slide19.xml"/><Relationship Id="rId34" Type="http://schemas.openxmlformats.org/officeDocument/2006/relationships/slide" Target="slides/slide32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slide" Target="slides/slide23.xml"/><Relationship Id="rId33" Type="http://schemas.openxmlformats.org/officeDocument/2006/relationships/slide" Target="slides/slide31.xml"/><Relationship Id="rId38" Type="http://schemas.openxmlformats.org/officeDocument/2006/relationships/theme" Target="theme/theme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slide" Target="slides/slide18.xml"/><Relationship Id="rId29" Type="http://schemas.openxmlformats.org/officeDocument/2006/relationships/slide" Target="slides/slide27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slide" Target="slides/slide22.xml"/><Relationship Id="rId32" Type="http://schemas.openxmlformats.org/officeDocument/2006/relationships/slide" Target="slides/slide30.xml"/><Relationship Id="rId37" Type="http://schemas.openxmlformats.org/officeDocument/2006/relationships/viewProps" Target="viewProps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slide" Target="slides/slide21.xml"/><Relationship Id="rId28" Type="http://schemas.openxmlformats.org/officeDocument/2006/relationships/slide" Target="slides/slide26.xml"/><Relationship Id="rId36" Type="http://schemas.openxmlformats.org/officeDocument/2006/relationships/presProps" Target="presProps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31" Type="http://schemas.openxmlformats.org/officeDocument/2006/relationships/slide" Target="slides/slide29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slide" Target="slides/slide25.xml"/><Relationship Id="rId30" Type="http://schemas.openxmlformats.org/officeDocument/2006/relationships/slide" Target="slides/slide28.xml"/><Relationship Id="rId35" Type="http://schemas.openxmlformats.org/officeDocument/2006/relationships/notesMaster" Target="notesMasters/notesMaster1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colorful1">
  <dgm:title val=""/>
  <dgm:desc val=""/>
  <dgm:catLst>
    <dgm:cat type="colorful" pri="101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/>
    <dgm:txEffectClrLst/>
  </dgm:styleLbl>
  <dgm:styleLbl name="ln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2">
        <a:alpha val="50000"/>
      </a:schemeClr>
      <a:schemeClr val="accent3">
        <a:alpha val="50000"/>
      </a:schemeClr>
      <a:schemeClr val="accent4">
        <a:alpha val="50000"/>
      </a:schemeClr>
      <a:schemeClr val="accent5">
        <a:alpha val="50000"/>
      </a:schemeClr>
      <a:schemeClr val="accent6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2">
        <a:tint val="50000"/>
      </a:schemeClr>
      <a:schemeClr val="accent3">
        <a:tint val="50000"/>
      </a:schemeClr>
      <a:schemeClr val="accent4">
        <a:tint val="50000"/>
      </a:schemeClr>
      <a:schemeClr val="accent5">
        <a:tint val="50000"/>
      </a:schemeClr>
      <a:schemeClr val="accent6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2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2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/>
    <dgm:txEffectClrLst/>
  </dgm:styleLbl>
  <dgm:styleLbl name="fg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2"/>
    </dgm:fillClrLst>
    <dgm:linClrLst meth="repeat">
      <a:schemeClr val="accent2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2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2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3">
        <a:tint val="90000"/>
      </a:schemeClr>
    </dgm:fillClrLst>
    <dgm:linClrLst meth="repeat">
      <a:schemeClr val="accent2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4">
        <a:tint val="70000"/>
      </a:schemeClr>
    </dgm:fillClrLst>
    <dgm:linClrLst meth="repeat">
      <a:schemeClr val="accent3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5">
        <a:tint val="50000"/>
      </a:schemeClr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2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4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2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2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2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2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0053949C-9DC7-476D-B485-419469C1E8A2}" type="doc">
      <dgm:prSet loTypeId="urn:microsoft.com/office/officeart/2005/8/layout/hList1" loCatId="list" qsTypeId="urn:microsoft.com/office/officeart/2005/8/quickstyle/simple1" qsCatId="simple" csTypeId="urn:microsoft.com/office/officeart/2005/8/colors/colorful1" csCatId="colorful" phldr="1"/>
      <dgm:spPr/>
      <dgm:t>
        <a:bodyPr/>
        <a:lstStyle/>
        <a:p>
          <a:endParaRPr lang="en-US"/>
        </a:p>
      </dgm:t>
    </dgm:pt>
    <dgm:pt modelId="{29F29987-E9D1-46AD-B5AC-3F12931DC59C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ctr"/>
          <a:r>
            <a:rPr lang="en-US" sz="1400" dirty="0" smtClean="0">
              <a:solidFill>
                <a:schemeClr val="tx1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% GDP: 24.4%</a:t>
          </a:r>
          <a:endParaRPr lang="en-US" sz="1400" dirty="0">
            <a:solidFill>
              <a:schemeClr val="tx1"/>
            </a:solidFill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D21F3B04-613F-4715-BFB8-B6B91B30A298}" type="parTrans" cxnId="{BEA73FD6-336C-4393-98F1-3CE28E3DA8DF}">
      <dgm:prSet/>
      <dgm:spPr/>
      <dgm:t>
        <a:bodyPr/>
        <a:lstStyle/>
        <a:p>
          <a:pPr algn="ctr"/>
          <a:endParaRPr lang="en-US"/>
        </a:p>
      </dgm:t>
    </dgm:pt>
    <dgm:pt modelId="{BB56011C-8951-4D60-8459-37AE92990553}" type="sibTrans" cxnId="{BEA73FD6-336C-4393-98F1-3CE28E3DA8DF}">
      <dgm:prSet/>
      <dgm:spPr/>
      <dgm:t>
        <a:bodyPr/>
        <a:lstStyle/>
        <a:p>
          <a:pPr algn="ctr"/>
          <a:endParaRPr lang="en-US"/>
        </a:p>
      </dgm:t>
    </dgm:pt>
    <dgm:pt modelId="{B6FDF7CD-1140-4B2D-9822-47C0BB1D100C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Population: 2.1mil (10%)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923D9553-7C67-488A-BC0D-E7587E61FC13}" type="parTrans" cxnId="{A7162A6E-1C47-4F6D-BD05-2874DFAD3B49}">
      <dgm:prSet/>
      <dgm:spPr/>
      <dgm:t>
        <a:bodyPr/>
        <a:lstStyle/>
        <a:p>
          <a:pPr algn="ctr"/>
          <a:endParaRPr lang="en-US"/>
        </a:p>
      </dgm:t>
    </dgm:pt>
    <dgm:pt modelId="{5EE69777-5DCA-4979-BFF3-DA5B334555B3}" type="sibTrans" cxnId="{A7162A6E-1C47-4F6D-BD05-2874DFAD3B49}">
      <dgm:prSet/>
      <dgm:spPr/>
      <dgm:t>
        <a:bodyPr/>
        <a:lstStyle/>
        <a:p>
          <a:pPr algn="ctr"/>
          <a:endParaRPr lang="en-US"/>
        </a:p>
      </dgm:t>
    </dgm:pt>
    <dgm:pt modelId="{0C89DDFC-0EDC-4625-A2D1-0A44DCB1C3CE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ctr"/>
          <a:r>
            <a:rPr lang="en-US" sz="1400" dirty="0" smtClean="0">
              <a:solidFill>
                <a:schemeClr val="tx1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% GDP: 31.0%</a:t>
          </a:r>
          <a:endParaRPr lang="en-US" sz="1400" dirty="0">
            <a:solidFill>
              <a:schemeClr val="tx1"/>
            </a:solidFill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9426AF0F-1CAC-4CE2-BDDF-A0E4D19B82DA}" type="parTrans" cxnId="{A36D4972-AC01-43E4-83B4-E31B5972E186}">
      <dgm:prSet/>
      <dgm:spPr/>
      <dgm:t>
        <a:bodyPr/>
        <a:lstStyle/>
        <a:p>
          <a:pPr algn="ctr"/>
          <a:endParaRPr lang="en-US"/>
        </a:p>
      </dgm:t>
    </dgm:pt>
    <dgm:pt modelId="{631B3C8B-0B8D-47DB-8D71-FD2EA5591E06}" type="sibTrans" cxnId="{A36D4972-AC01-43E4-83B4-E31B5972E186}">
      <dgm:prSet/>
      <dgm:spPr/>
      <dgm:t>
        <a:bodyPr/>
        <a:lstStyle/>
        <a:p>
          <a:pPr algn="ctr"/>
          <a:endParaRPr lang="en-US"/>
        </a:p>
      </dgm:t>
    </dgm:pt>
    <dgm:pt modelId="{397F6B17-BB67-4A6E-8AD2-1FA8A00500DB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Density: 8518 inhab./sq km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70A251A4-4DF2-4AB8-BD1C-F837870D3485}" type="parTrans" cxnId="{8614A4B7-749D-4F2D-A979-204891EE77B9}">
      <dgm:prSet/>
      <dgm:spPr/>
      <dgm:t>
        <a:bodyPr/>
        <a:lstStyle/>
        <a:p>
          <a:pPr algn="ctr"/>
          <a:endParaRPr lang="en-US"/>
        </a:p>
      </dgm:t>
    </dgm:pt>
    <dgm:pt modelId="{C41A904A-3AA5-4131-ABF4-B7F55E46CEA9}" type="sibTrans" cxnId="{8614A4B7-749D-4F2D-A979-204891EE77B9}">
      <dgm:prSet/>
      <dgm:spPr/>
      <dgm:t>
        <a:bodyPr/>
        <a:lstStyle/>
        <a:p>
          <a:pPr algn="ctr"/>
          <a:endParaRPr lang="en-US"/>
        </a:p>
      </dgm:t>
    </dgm:pt>
    <dgm:pt modelId="{E6EB23E1-CAD5-4A13-860E-910E4AB8E8B7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Market size: 2.5 b€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ACD583A6-AD77-42BB-A3C8-05E989544AD0}" type="parTrans" cxnId="{DBA6DC6F-DE73-4622-9C1F-C468A4C4E243}">
      <dgm:prSet/>
      <dgm:spPr/>
      <dgm:t>
        <a:bodyPr/>
        <a:lstStyle/>
        <a:p>
          <a:pPr algn="ctr"/>
          <a:endParaRPr lang="en-US"/>
        </a:p>
      </dgm:t>
    </dgm:pt>
    <dgm:pt modelId="{5762F6C5-7A5E-4680-A758-DE2268036DFA}" type="sibTrans" cxnId="{DBA6DC6F-DE73-4622-9C1F-C468A4C4E243}">
      <dgm:prSet/>
      <dgm:spPr/>
      <dgm:t>
        <a:bodyPr/>
        <a:lstStyle/>
        <a:p>
          <a:pPr algn="ctr"/>
          <a:endParaRPr lang="en-US"/>
        </a:p>
      </dgm:t>
    </dgm:pt>
    <dgm:pt modelId="{BC7FEC7D-9834-4486-8CBD-1F7255D5879F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Competition: 148 stores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AC48B88F-A11C-43E0-88E0-39573DB831D6}" type="parTrans" cxnId="{10E5D2E8-0716-4D89-A5DD-7FDF9B4E54EB}">
      <dgm:prSet/>
      <dgm:spPr/>
      <dgm:t>
        <a:bodyPr/>
        <a:lstStyle/>
        <a:p>
          <a:pPr algn="ctr"/>
          <a:endParaRPr lang="en-US"/>
        </a:p>
      </dgm:t>
    </dgm:pt>
    <dgm:pt modelId="{785391EB-08E2-4A67-8896-8758C472CC2E}" type="sibTrans" cxnId="{10E5D2E8-0716-4D89-A5DD-7FDF9B4E54EB}">
      <dgm:prSet/>
      <dgm:spPr/>
      <dgm:t>
        <a:bodyPr/>
        <a:lstStyle/>
        <a:p>
          <a:pPr algn="ctr"/>
          <a:endParaRPr lang="en-US"/>
        </a:p>
      </dgm:t>
    </dgm:pt>
    <dgm:pt modelId="{53582233-61FE-4903-B87E-D9B5469B5C0E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Net Income 568€/month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C0841D11-B901-43B4-8826-28815FADAD92}" type="parTrans" cxnId="{D786CB25-9964-4246-A564-6893C9B4B7F8}">
      <dgm:prSet/>
      <dgm:spPr/>
      <dgm:t>
        <a:bodyPr/>
        <a:lstStyle/>
        <a:p>
          <a:pPr algn="ctr"/>
          <a:endParaRPr lang="en-US"/>
        </a:p>
      </dgm:t>
    </dgm:pt>
    <dgm:pt modelId="{C6F6067B-0378-43E9-8905-3D6DDAF3FCCB}" type="sibTrans" cxnId="{D786CB25-9964-4246-A564-6893C9B4B7F8}">
      <dgm:prSet/>
      <dgm:spPr/>
      <dgm:t>
        <a:bodyPr/>
        <a:lstStyle/>
        <a:p>
          <a:pPr algn="ctr"/>
          <a:endParaRPr lang="en-US"/>
        </a:p>
      </dgm:t>
    </dgm:pt>
    <dgm:pt modelId="{1E4971E9-A0A0-4B08-B4D0-C8DEC5BD91DE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Population: 2.9mil (15%)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64C3A9F8-58D2-4C78-82E0-FC8741EFC03B}" type="parTrans" cxnId="{BD7EEC83-7715-4CD9-BC93-004AD2D1E58D}">
      <dgm:prSet/>
      <dgm:spPr/>
      <dgm:t>
        <a:bodyPr/>
        <a:lstStyle/>
        <a:p>
          <a:pPr algn="ctr"/>
          <a:endParaRPr lang="en-US"/>
        </a:p>
      </dgm:t>
    </dgm:pt>
    <dgm:pt modelId="{3AB1A961-7116-4671-8746-726494D62D62}" type="sibTrans" cxnId="{BD7EEC83-7715-4CD9-BC93-004AD2D1E58D}">
      <dgm:prSet/>
      <dgm:spPr/>
      <dgm:t>
        <a:bodyPr/>
        <a:lstStyle/>
        <a:p>
          <a:pPr algn="ctr"/>
          <a:endParaRPr lang="en-US"/>
        </a:p>
      </dgm:t>
    </dgm:pt>
    <dgm:pt modelId="{B8B8A3A2-095A-4A5C-BEE6-972DEB15F6BD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Density: 2317 inhab./sq km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D6DD5444-C915-4E7C-8384-5FDC25DC73CF}" type="parTrans" cxnId="{64C9C74C-817D-4F38-B71F-E5C5B8484502}">
      <dgm:prSet/>
      <dgm:spPr/>
      <dgm:t>
        <a:bodyPr/>
        <a:lstStyle/>
        <a:p>
          <a:pPr algn="ctr"/>
          <a:endParaRPr lang="en-US"/>
        </a:p>
      </dgm:t>
    </dgm:pt>
    <dgm:pt modelId="{695F8BA1-9BEA-4B02-AC0C-F8E84E7D4CC7}" type="sibTrans" cxnId="{64C9C74C-817D-4F38-B71F-E5C5B8484502}">
      <dgm:prSet/>
      <dgm:spPr/>
      <dgm:t>
        <a:bodyPr/>
        <a:lstStyle/>
        <a:p>
          <a:pPr algn="ctr"/>
          <a:endParaRPr lang="en-US"/>
        </a:p>
      </dgm:t>
    </dgm:pt>
    <dgm:pt modelId="{75933B06-1D8C-466A-867C-E4CDD074C919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Net Income 375€/month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9F637473-E76C-494D-A242-9D7BA99BBA06}" type="parTrans" cxnId="{43AA6CF9-5D71-4233-BFFF-0597BDE19125}">
      <dgm:prSet/>
      <dgm:spPr/>
      <dgm:t>
        <a:bodyPr/>
        <a:lstStyle/>
        <a:p>
          <a:pPr algn="ctr"/>
          <a:endParaRPr lang="en-US"/>
        </a:p>
      </dgm:t>
    </dgm:pt>
    <dgm:pt modelId="{F3614D73-FED6-4656-85A8-900582D3C5C4}" type="sibTrans" cxnId="{43AA6CF9-5D71-4233-BFFF-0597BDE19125}">
      <dgm:prSet/>
      <dgm:spPr/>
      <dgm:t>
        <a:bodyPr/>
        <a:lstStyle/>
        <a:p>
          <a:pPr algn="ctr"/>
          <a:endParaRPr lang="en-US"/>
        </a:p>
      </dgm:t>
    </dgm:pt>
    <dgm:pt modelId="{DD3CEF80-48F7-4F25-B458-184FF05272D8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Market size: 2.9 b€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51C87738-E512-4A47-9AAB-A6525CC1E93D}" type="parTrans" cxnId="{7EE2FDCF-9803-47E2-8C2F-4AA45FAE2E25}">
      <dgm:prSet/>
      <dgm:spPr/>
      <dgm:t>
        <a:bodyPr/>
        <a:lstStyle/>
        <a:p>
          <a:pPr algn="ctr"/>
          <a:endParaRPr lang="en-US"/>
        </a:p>
      </dgm:t>
    </dgm:pt>
    <dgm:pt modelId="{96397611-3B74-4F89-A8A0-5C11F0AD78DA}" type="sibTrans" cxnId="{7EE2FDCF-9803-47E2-8C2F-4AA45FAE2E25}">
      <dgm:prSet/>
      <dgm:spPr/>
      <dgm:t>
        <a:bodyPr/>
        <a:lstStyle/>
        <a:p>
          <a:pPr algn="ctr"/>
          <a:endParaRPr lang="en-US"/>
        </a:p>
      </dgm:t>
    </dgm:pt>
    <dgm:pt modelId="{8E4D4A32-05CA-44FB-B40E-BD6D39DBCF3D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Competition: 316 stores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CC3826B5-E544-44EE-AFCA-EB11B77EDFE7}" type="parTrans" cxnId="{4080412C-93AA-4170-9574-64600B7A42CC}">
      <dgm:prSet/>
      <dgm:spPr/>
      <dgm:t>
        <a:bodyPr/>
        <a:lstStyle/>
        <a:p>
          <a:pPr algn="ctr"/>
          <a:endParaRPr lang="en-US"/>
        </a:p>
      </dgm:t>
    </dgm:pt>
    <dgm:pt modelId="{85A4C466-48C1-484F-8375-C66D9014B68F}" type="sibTrans" cxnId="{4080412C-93AA-4170-9574-64600B7A42CC}">
      <dgm:prSet/>
      <dgm:spPr/>
      <dgm:t>
        <a:bodyPr/>
        <a:lstStyle/>
        <a:p>
          <a:pPr algn="ctr"/>
          <a:endParaRPr lang="en-US"/>
        </a:p>
      </dgm:t>
    </dgm:pt>
    <dgm:pt modelId="{69E7F5CB-C464-411C-9B49-BF43E6FE5303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Competition: 781 stores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AE8DCBC7-6693-4D7D-A743-2DB54A009FC9}" type="sibTrans" cxnId="{D4537AA7-0E39-4540-B253-E721AC4E7345}">
      <dgm:prSet/>
      <dgm:spPr/>
      <dgm:t>
        <a:bodyPr/>
        <a:lstStyle/>
        <a:p>
          <a:pPr algn="ctr"/>
          <a:endParaRPr lang="en-US"/>
        </a:p>
      </dgm:t>
    </dgm:pt>
    <dgm:pt modelId="{7DF83868-CF57-45C9-ADD2-0143B7DBAEC5}" type="parTrans" cxnId="{D4537AA7-0E39-4540-B253-E721AC4E7345}">
      <dgm:prSet/>
      <dgm:spPr/>
      <dgm:t>
        <a:bodyPr/>
        <a:lstStyle/>
        <a:p>
          <a:pPr algn="ctr"/>
          <a:endParaRPr lang="en-US"/>
        </a:p>
      </dgm:t>
    </dgm:pt>
    <dgm:pt modelId="{2D2CF46D-7166-4036-872D-764A30B2F182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Market size: 11.6 b€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2744CC1C-5DC6-4DFB-BFAE-CA8D2BDA23C2}" type="sibTrans" cxnId="{A29BE8B0-C066-409F-8BC2-34C1F4E3A1F7}">
      <dgm:prSet/>
      <dgm:spPr/>
      <dgm:t>
        <a:bodyPr/>
        <a:lstStyle/>
        <a:p>
          <a:pPr algn="ctr"/>
          <a:endParaRPr lang="en-US"/>
        </a:p>
      </dgm:t>
    </dgm:pt>
    <dgm:pt modelId="{CB71FE81-9919-4291-ADB5-2E2E6C489605}" type="parTrans" cxnId="{A29BE8B0-C066-409F-8BC2-34C1F4E3A1F7}">
      <dgm:prSet/>
      <dgm:spPr/>
      <dgm:t>
        <a:bodyPr/>
        <a:lstStyle/>
        <a:p>
          <a:pPr algn="ctr"/>
          <a:endParaRPr lang="en-US"/>
        </a:p>
      </dgm:t>
    </dgm:pt>
    <dgm:pt modelId="{9F00FD87-9437-4097-923C-ECC4B2777AB1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Income 332 €/month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9CD47198-D19B-4951-8435-0C674C5756AE}" type="sibTrans" cxnId="{B808AC29-22F8-4003-9AF9-562FA2DFBD87}">
      <dgm:prSet/>
      <dgm:spPr/>
      <dgm:t>
        <a:bodyPr/>
        <a:lstStyle/>
        <a:p>
          <a:pPr algn="ctr"/>
          <a:endParaRPr lang="en-US"/>
        </a:p>
      </dgm:t>
    </dgm:pt>
    <dgm:pt modelId="{35CD9F5D-E11C-4464-BDBC-09786938CA8D}" type="parTrans" cxnId="{B808AC29-22F8-4003-9AF9-562FA2DFBD87}">
      <dgm:prSet/>
      <dgm:spPr/>
      <dgm:t>
        <a:bodyPr/>
        <a:lstStyle/>
        <a:p>
          <a:pPr algn="ctr"/>
          <a:endParaRPr lang="en-US"/>
        </a:p>
      </dgm:t>
    </dgm:pt>
    <dgm:pt modelId="{64665B36-1F52-4C39-AEBE-04D0DBB3E3F4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Density: N/A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DAAFB85D-DDA2-4C98-9C6E-E16C0ABE6A1F}" type="sibTrans" cxnId="{8ACD0406-947B-437A-B889-B5194429E820}">
      <dgm:prSet/>
      <dgm:spPr/>
      <dgm:t>
        <a:bodyPr/>
        <a:lstStyle/>
        <a:p>
          <a:pPr algn="ctr"/>
          <a:endParaRPr lang="en-US"/>
        </a:p>
      </dgm:t>
    </dgm:pt>
    <dgm:pt modelId="{F1519920-FA96-4A8F-818E-BEA9EC848A13}" type="parTrans" cxnId="{8ACD0406-947B-437A-B889-B5194429E820}">
      <dgm:prSet/>
      <dgm:spPr/>
      <dgm:t>
        <a:bodyPr/>
        <a:lstStyle/>
        <a:p>
          <a:pPr algn="ctr"/>
          <a:endParaRPr lang="en-US"/>
        </a:p>
      </dgm:t>
    </dgm:pt>
    <dgm:pt modelId="{2A7DA74B-4C44-4839-8919-4D1EC9EED374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r>
            <a:rPr lang="en-US" sz="14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Population</a:t>
          </a:r>
          <a:r>
            <a:rPr lang="en-US" sz="14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: 14.9mil </a:t>
          </a:r>
          <a:r>
            <a:rPr lang="en-US" sz="14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(75%)</a:t>
          </a:r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A0E00374-F8F9-449D-A624-514B3F052B85}" type="sibTrans" cxnId="{4441AC08-E570-40A0-8965-C689F21037F1}">
      <dgm:prSet/>
      <dgm:spPr/>
      <dgm:t>
        <a:bodyPr/>
        <a:lstStyle/>
        <a:p>
          <a:pPr algn="ctr"/>
          <a:endParaRPr lang="en-US"/>
        </a:p>
      </dgm:t>
    </dgm:pt>
    <dgm:pt modelId="{3C13F057-ACC4-4428-81D3-7A2B3A1F44FB}" type="parTrans" cxnId="{4441AC08-E570-40A0-8965-C689F21037F1}">
      <dgm:prSet/>
      <dgm:spPr/>
      <dgm:t>
        <a:bodyPr/>
        <a:lstStyle/>
        <a:p>
          <a:pPr algn="ctr"/>
          <a:endParaRPr lang="en-US"/>
        </a:p>
      </dgm:t>
    </dgm:pt>
    <dgm:pt modelId="{D717DD2B-3C5E-49F1-BA80-B3D2F976FB12}">
      <dgm:prSet phldrT="[Text]" custT="1"/>
      <dgm:spPr>
        <a:noFill/>
        <a:ln>
          <a:solidFill>
            <a:schemeClr val="tx1">
              <a:alpha val="55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ctr"/>
          <a:r>
            <a:rPr lang="en-US" sz="1400" dirty="0" smtClean="0">
              <a:solidFill>
                <a:schemeClr val="tx1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% GDP: 44.6%</a:t>
          </a:r>
          <a:endParaRPr lang="en-US" sz="1400" dirty="0">
            <a:solidFill>
              <a:schemeClr val="tx1"/>
            </a:solidFill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477379A7-7ADE-4FA1-B659-751BED6BFC9F}" type="sibTrans" cxnId="{0AA5C6A2-6490-4899-804B-56A5078E6718}">
      <dgm:prSet/>
      <dgm:spPr/>
      <dgm:t>
        <a:bodyPr/>
        <a:lstStyle/>
        <a:p>
          <a:pPr algn="ctr"/>
          <a:endParaRPr lang="en-US"/>
        </a:p>
      </dgm:t>
    </dgm:pt>
    <dgm:pt modelId="{253931BE-0F5A-4CD5-9FB5-ADBEA9ED158A}" type="parTrans" cxnId="{0AA5C6A2-6490-4899-804B-56A5078E6718}">
      <dgm:prSet/>
      <dgm:spPr/>
      <dgm:t>
        <a:bodyPr/>
        <a:lstStyle/>
        <a:p>
          <a:pPr algn="ctr"/>
          <a:endParaRPr lang="en-US"/>
        </a:p>
      </dgm:t>
    </dgm:pt>
    <dgm:pt modelId="{9BED9459-3203-4B69-BDE2-D4AF65827776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3F320AA2-B6C3-4813-82F6-7082D84D9B19}" type="parTrans" cxnId="{B7CAF5F3-F39C-4204-8F2C-3C2C40F704F3}">
      <dgm:prSet/>
      <dgm:spPr/>
      <dgm:t>
        <a:bodyPr/>
        <a:lstStyle/>
        <a:p>
          <a:endParaRPr lang="en-US"/>
        </a:p>
      </dgm:t>
    </dgm:pt>
    <dgm:pt modelId="{8B2A8923-625A-4FE3-AFE7-6871996484C8}" type="sibTrans" cxnId="{B7CAF5F3-F39C-4204-8F2C-3C2C40F704F3}">
      <dgm:prSet/>
      <dgm:spPr/>
      <dgm:t>
        <a:bodyPr/>
        <a:lstStyle/>
        <a:p>
          <a:endParaRPr lang="en-US"/>
        </a:p>
      </dgm:t>
    </dgm:pt>
    <dgm:pt modelId="{399589F8-6DDA-4D53-BBD1-5333ABC0C110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1D278E18-F4BF-4BBD-B0DF-DF35AE534B67}" type="parTrans" cxnId="{6F87DC7D-9A66-44A8-823B-DBA101A858AC}">
      <dgm:prSet/>
      <dgm:spPr/>
      <dgm:t>
        <a:bodyPr/>
        <a:lstStyle/>
        <a:p>
          <a:endParaRPr lang="en-US"/>
        </a:p>
      </dgm:t>
    </dgm:pt>
    <dgm:pt modelId="{7E1A0143-A0CD-43FC-B227-FF07D7AE0EC8}" type="sibTrans" cxnId="{6F87DC7D-9A66-44A8-823B-DBA101A858AC}">
      <dgm:prSet/>
      <dgm:spPr/>
      <dgm:t>
        <a:bodyPr/>
        <a:lstStyle/>
        <a:p>
          <a:endParaRPr lang="en-US"/>
        </a:p>
      </dgm:t>
    </dgm:pt>
    <dgm:pt modelId="{E618053B-9F7A-4CAA-9914-2AE65BC71B7B}">
      <dgm:prSet phldrT="[Text]" custT="1"/>
      <dgm:spPr>
        <a:noFill/>
        <a:ln>
          <a:solidFill>
            <a:schemeClr val="accent6">
              <a:lumMod val="60000"/>
              <a:lumOff val="40000"/>
              <a:alpha val="90000"/>
            </a:schemeClr>
          </a:solidFill>
        </a:ln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gm:spPr>
      <dgm:t>
        <a:bodyPr/>
        <a:lstStyle/>
        <a:p>
          <a:pPr algn="l"/>
          <a:endParaRPr lang="en-US" sz="14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gm:t>
    </dgm:pt>
    <dgm:pt modelId="{616AFA6A-7DED-4A19-A70A-691AA0165FB8}" type="parTrans" cxnId="{9D6CA6F4-037D-414A-BE39-5F1E1AD4F4D8}">
      <dgm:prSet/>
      <dgm:spPr/>
      <dgm:t>
        <a:bodyPr/>
        <a:lstStyle/>
        <a:p>
          <a:endParaRPr lang="en-US"/>
        </a:p>
      </dgm:t>
    </dgm:pt>
    <dgm:pt modelId="{407C5A9A-672E-4EC9-A666-BC53B09F8587}" type="sibTrans" cxnId="{9D6CA6F4-037D-414A-BE39-5F1E1AD4F4D8}">
      <dgm:prSet/>
      <dgm:spPr/>
      <dgm:t>
        <a:bodyPr/>
        <a:lstStyle/>
        <a:p>
          <a:endParaRPr lang="en-US"/>
        </a:p>
      </dgm:t>
    </dgm:pt>
    <dgm:pt modelId="{B8661884-CDC7-4D11-80FC-DA0EB4C82247}" type="pres">
      <dgm:prSet presAssocID="{0053949C-9DC7-476D-B485-419469C1E8A2}" presName="Name0" presStyleCnt="0">
        <dgm:presLayoutVars>
          <dgm:dir/>
          <dgm:animLvl val="lvl"/>
          <dgm:resizeHandles val="exact"/>
        </dgm:presLayoutVars>
      </dgm:prSet>
      <dgm:spPr/>
      <dgm:t>
        <a:bodyPr/>
        <a:lstStyle/>
        <a:p>
          <a:endParaRPr lang="en-US"/>
        </a:p>
      </dgm:t>
    </dgm:pt>
    <dgm:pt modelId="{635FB000-D838-4A03-9E47-25F0B825236E}" type="pres">
      <dgm:prSet presAssocID="{29F29987-E9D1-46AD-B5AC-3F12931DC59C}" presName="composite" presStyleCnt="0"/>
      <dgm:spPr/>
    </dgm:pt>
    <dgm:pt modelId="{66A12DDE-5206-48BB-8D94-6B85A74A496B}" type="pres">
      <dgm:prSet presAssocID="{29F29987-E9D1-46AD-B5AC-3F12931DC59C}" presName="parTx" presStyleLbl="alignNode1" presStyleIdx="0" presStyleCnt="3" custScaleY="49375" custLinFactNeighborX="317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6B78FBCE-D0DC-4BA4-9B33-CB0E4591272E}" type="pres">
      <dgm:prSet presAssocID="{29F29987-E9D1-46AD-B5AC-3F12931DC59C}" presName="desTx" presStyleLbl="alignAccFollowNode1" presStyleIdx="0" presStyleCnt="3" custScaleY="56929" custLinFactNeighborX="3170" custLinFactNeighborY="-10357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44A049E6-0E85-4B0A-8D74-9B39DA9D8DCD}" type="pres">
      <dgm:prSet presAssocID="{BB56011C-8951-4D60-8459-37AE92990553}" presName="space" presStyleCnt="0"/>
      <dgm:spPr/>
    </dgm:pt>
    <dgm:pt modelId="{C46D747E-984E-4E85-A3BC-590A5E52B391}" type="pres">
      <dgm:prSet presAssocID="{0C89DDFC-0EDC-4625-A2D1-0A44DCB1C3CE}" presName="composite" presStyleCnt="0"/>
      <dgm:spPr/>
    </dgm:pt>
    <dgm:pt modelId="{54C795A3-CD52-434C-B22F-62A3EE73D012}" type="pres">
      <dgm:prSet presAssocID="{0C89DDFC-0EDC-4625-A2D1-0A44DCB1C3CE}" presName="parTx" presStyleLbl="alignNode1" presStyleIdx="1" presStyleCnt="3" custScaleY="5817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0CA0BDB5-D623-4C1A-8FD3-2BB6243EDC10}" type="pres">
      <dgm:prSet presAssocID="{0C89DDFC-0EDC-4625-A2D1-0A44DCB1C3CE}" presName="desTx" presStyleLbl="alignAccFollowNode1" presStyleIdx="1" presStyleCnt="3" custScaleY="56480" custLinFactNeighborY="-12549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D6A736AE-59CA-47FF-AF00-30FBEA0F41FB}" type="pres">
      <dgm:prSet presAssocID="{631B3C8B-0B8D-47DB-8D71-FD2EA5591E06}" presName="space" presStyleCnt="0"/>
      <dgm:spPr/>
    </dgm:pt>
    <dgm:pt modelId="{128B6E9C-59EA-4FD3-BC08-C877C46DDACB}" type="pres">
      <dgm:prSet presAssocID="{D717DD2B-3C5E-49F1-BA80-B3D2F976FB12}" presName="composite" presStyleCnt="0"/>
      <dgm:spPr/>
    </dgm:pt>
    <dgm:pt modelId="{ED91C269-5E7D-4B6A-AC2A-84F816F910A0}" type="pres">
      <dgm:prSet presAssocID="{D717DD2B-3C5E-49F1-BA80-B3D2F976FB12}" presName="parTx" presStyleLbl="alignNode1" presStyleIdx="2" presStyleCnt="3" custScaleY="58222" custLinFactNeighborX="-317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790716C4-B837-4378-95CA-CF0D91B4CA0B}" type="pres">
      <dgm:prSet presAssocID="{D717DD2B-3C5E-49F1-BA80-B3D2F976FB12}" presName="desTx" presStyleLbl="alignAccFollowNode1" presStyleIdx="2" presStyleCnt="3" custScaleY="55217" custLinFactNeighborX="-3170" custLinFactNeighborY="-13910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FBFF7F89-7461-40B6-89FC-0D6833C36695}" type="presOf" srcId="{2A7DA74B-4C44-4839-8919-4D1EC9EED374}" destId="{790716C4-B837-4378-95CA-CF0D91B4CA0B}" srcOrd="0" destOrd="1" presId="urn:microsoft.com/office/officeart/2005/8/layout/hList1"/>
    <dgm:cxn modelId="{10E5D2E8-0716-4D89-A5DD-7FDF9B4E54EB}" srcId="{29F29987-E9D1-46AD-B5AC-3F12931DC59C}" destId="{BC7FEC7D-9834-4486-8CBD-1F7255D5879F}" srcOrd="5" destOrd="0" parTransId="{AC48B88F-A11C-43E0-88E0-39573DB831D6}" sibTransId="{785391EB-08E2-4A67-8896-8758C472CC2E}"/>
    <dgm:cxn modelId="{DBA6DC6F-DE73-4622-9C1F-C468A4C4E243}" srcId="{29F29987-E9D1-46AD-B5AC-3F12931DC59C}" destId="{E6EB23E1-CAD5-4A13-860E-910E4AB8E8B7}" srcOrd="4" destOrd="0" parTransId="{ACD583A6-AD77-42BB-A3C8-05E989544AD0}" sibTransId="{5762F6C5-7A5E-4680-A758-DE2268036DFA}"/>
    <dgm:cxn modelId="{43AA6CF9-5D71-4233-BFFF-0597BDE19125}" srcId="{0C89DDFC-0EDC-4625-A2D1-0A44DCB1C3CE}" destId="{75933B06-1D8C-466A-867C-E4CDD074C919}" srcOrd="3" destOrd="0" parTransId="{9F637473-E76C-494D-A242-9D7BA99BBA06}" sibTransId="{F3614D73-FED6-4656-85A8-900582D3C5C4}"/>
    <dgm:cxn modelId="{07F4DF39-651E-48FE-9A58-82D1F199BC87}" type="presOf" srcId="{399589F8-6DDA-4D53-BBD1-5333ABC0C110}" destId="{0CA0BDB5-D623-4C1A-8FD3-2BB6243EDC10}" srcOrd="0" destOrd="0" presId="urn:microsoft.com/office/officeart/2005/8/layout/hList1"/>
    <dgm:cxn modelId="{6973873D-BC09-4FF1-A936-C17712E0B3F8}" type="presOf" srcId="{D717DD2B-3C5E-49F1-BA80-B3D2F976FB12}" destId="{ED91C269-5E7D-4B6A-AC2A-84F816F910A0}" srcOrd="0" destOrd="0" presId="urn:microsoft.com/office/officeart/2005/8/layout/hList1"/>
    <dgm:cxn modelId="{D4537AA7-0E39-4540-B253-E721AC4E7345}" srcId="{D717DD2B-3C5E-49F1-BA80-B3D2F976FB12}" destId="{69E7F5CB-C464-411C-9B49-BF43E6FE5303}" srcOrd="5" destOrd="0" parTransId="{7DF83868-CF57-45C9-ADD2-0143B7DBAEC5}" sibTransId="{AE8DCBC7-6693-4D7D-A743-2DB54A009FC9}"/>
    <dgm:cxn modelId="{A36D4972-AC01-43E4-83B4-E31B5972E186}" srcId="{0053949C-9DC7-476D-B485-419469C1E8A2}" destId="{0C89DDFC-0EDC-4625-A2D1-0A44DCB1C3CE}" srcOrd="1" destOrd="0" parTransId="{9426AF0F-1CAC-4CE2-BDDF-A0E4D19B82DA}" sibTransId="{631B3C8B-0B8D-47DB-8D71-FD2EA5591E06}"/>
    <dgm:cxn modelId="{FCB52D4B-565D-44F3-9561-7C08CA3E7797}" type="presOf" srcId="{69E7F5CB-C464-411C-9B49-BF43E6FE5303}" destId="{790716C4-B837-4378-95CA-CF0D91B4CA0B}" srcOrd="0" destOrd="5" presId="urn:microsoft.com/office/officeart/2005/8/layout/hList1"/>
    <dgm:cxn modelId="{296260CC-376F-4624-847E-3249EA6532CE}" type="presOf" srcId="{53582233-61FE-4903-B87E-D9B5469B5C0E}" destId="{6B78FBCE-D0DC-4BA4-9B33-CB0E4591272E}" srcOrd="0" destOrd="3" presId="urn:microsoft.com/office/officeart/2005/8/layout/hList1"/>
    <dgm:cxn modelId="{41F4BA04-7A7F-4B67-AB38-9009E95C576B}" type="presOf" srcId="{0C89DDFC-0EDC-4625-A2D1-0A44DCB1C3CE}" destId="{54C795A3-CD52-434C-B22F-62A3EE73D012}" srcOrd="0" destOrd="0" presId="urn:microsoft.com/office/officeart/2005/8/layout/hList1"/>
    <dgm:cxn modelId="{B9BA837D-4E94-417A-82FD-59F603AFAD59}" type="presOf" srcId="{E6EB23E1-CAD5-4A13-860E-910E4AB8E8B7}" destId="{6B78FBCE-D0DC-4BA4-9B33-CB0E4591272E}" srcOrd="0" destOrd="4" presId="urn:microsoft.com/office/officeart/2005/8/layout/hList1"/>
    <dgm:cxn modelId="{E445D8C0-62C6-4AAD-BA65-098C7459D2FF}" type="presOf" srcId="{75933B06-1D8C-466A-867C-E4CDD074C919}" destId="{0CA0BDB5-D623-4C1A-8FD3-2BB6243EDC10}" srcOrd="0" destOrd="3" presId="urn:microsoft.com/office/officeart/2005/8/layout/hList1"/>
    <dgm:cxn modelId="{9B307C2F-B70E-4E9D-8DEB-693ED2B94CA9}" type="presOf" srcId="{1E4971E9-A0A0-4B08-B4D0-C8DEC5BD91DE}" destId="{0CA0BDB5-D623-4C1A-8FD3-2BB6243EDC10}" srcOrd="0" destOrd="1" presId="urn:microsoft.com/office/officeart/2005/8/layout/hList1"/>
    <dgm:cxn modelId="{01C5E8C2-7A13-420F-A47E-5C7F5742A9F1}" type="presOf" srcId="{B6FDF7CD-1140-4B2D-9822-47C0BB1D100C}" destId="{6B78FBCE-D0DC-4BA4-9B33-CB0E4591272E}" srcOrd="0" destOrd="1" presId="urn:microsoft.com/office/officeart/2005/8/layout/hList1"/>
    <dgm:cxn modelId="{BC84C4B5-5615-4496-A836-A0A420DE4C0D}" type="presOf" srcId="{2D2CF46D-7166-4036-872D-764A30B2F182}" destId="{790716C4-B837-4378-95CA-CF0D91B4CA0B}" srcOrd="0" destOrd="4" presId="urn:microsoft.com/office/officeart/2005/8/layout/hList1"/>
    <dgm:cxn modelId="{BEA73FD6-336C-4393-98F1-3CE28E3DA8DF}" srcId="{0053949C-9DC7-476D-B485-419469C1E8A2}" destId="{29F29987-E9D1-46AD-B5AC-3F12931DC59C}" srcOrd="0" destOrd="0" parTransId="{D21F3B04-613F-4715-BFB8-B6B91B30A298}" sibTransId="{BB56011C-8951-4D60-8459-37AE92990553}"/>
    <dgm:cxn modelId="{8ACD0406-947B-437A-B889-B5194429E820}" srcId="{D717DD2B-3C5E-49F1-BA80-B3D2F976FB12}" destId="{64665B36-1F52-4C39-AEBE-04D0DBB3E3F4}" srcOrd="2" destOrd="0" parTransId="{F1519920-FA96-4A8F-818E-BEA9EC848A13}" sibTransId="{DAAFB85D-DDA2-4C98-9C6E-E16C0ABE6A1F}"/>
    <dgm:cxn modelId="{A18242ED-FF16-4CE0-BDA9-E75CB847D402}" type="presOf" srcId="{8E4D4A32-05CA-44FB-B40E-BD6D39DBCF3D}" destId="{0CA0BDB5-D623-4C1A-8FD3-2BB6243EDC10}" srcOrd="0" destOrd="5" presId="urn:microsoft.com/office/officeart/2005/8/layout/hList1"/>
    <dgm:cxn modelId="{16EE0A19-DA15-4437-8B68-B8F07156322C}" type="presOf" srcId="{9F00FD87-9437-4097-923C-ECC4B2777AB1}" destId="{790716C4-B837-4378-95CA-CF0D91B4CA0B}" srcOrd="0" destOrd="3" presId="urn:microsoft.com/office/officeart/2005/8/layout/hList1"/>
    <dgm:cxn modelId="{DBC9C42D-EE5F-4185-8974-E9069DF842C2}" type="presOf" srcId="{9BED9459-3203-4B69-BDE2-D4AF65827776}" destId="{6B78FBCE-D0DC-4BA4-9B33-CB0E4591272E}" srcOrd="0" destOrd="0" presId="urn:microsoft.com/office/officeart/2005/8/layout/hList1"/>
    <dgm:cxn modelId="{8614A4B7-749D-4F2D-A979-204891EE77B9}" srcId="{29F29987-E9D1-46AD-B5AC-3F12931DC59C}" destId="{397F6B17-BB67-4A6E-8AD2-1FA8A00500DB}" srcOrd="2" destOrd="0" parTransId="{70A251A4-4DF2-4AB8-BD1C-F837870D3485}" sibTransId="{C41A904A-3AA5-4131-ABF4-B7F55E46CEA9}"/>
    <dgm:cxn modelId="{A7162A6E-1C47-4F6D-BD05-2874DFAD3B49}" srcId="{29F29987-E9D1-46AD-B5AC-3F12931DC59C}" destId="{B6FDF7CD-1140-4B2D-9822-47C0BB1D100C}" srcOrd="1" destOrd="0" parTransId="{923D9553-7C67-488A-BC0D-E7587E61FC13}" sibTransId="{5EE69777-5DCA-4979-BFF3-DA5B334555B3}"/>
    <dgm:cxn modelId="{59C311F1-2E1F-4C6D-A95D-9DA1D3F88200}" type="presOf" srcId="{B8B8A3A2-095A-4A5C-BEE6-972DEB15F6BD}" destId="{0CA0BDB5-D623-4C1A-8FD3-2BB6243EDC10}" srcOrd="0" destOrd="2" presId="urn:microsoft.com/office/officeart/2005/8/layout/hList1"/>
    <dgm:cxn modelId="{4441AC08-E570-40A0-8965-C689F21037F1}" srcId="{D717DD2B-3C5E-49F1-BA80-B3D2F976FB12}" destId="{2A7DA74B-4C44-4839-8919-4D1EC9EED374}" srcOrd="1" destOrd="0" parTransId="{3C13F057-ACC4-4428-81D3-7A2B3A1F44FB}" sibTransId="{A0E00374-F8F9-449D-A624-514B3F052B85}"/>
    <dgm:cxn modelId="{D547A55A-1475-462A-9431-B922529130CE}" type="presOf" srcId="{0053949C-9DC7-476D-B485-419469C1E8A2}" destId="{B8661884-CDC7-4D11-80FC-DA0EB4C82247}" srcOrd="0" destOrd="0" presId="urn:microsoft.com/office/officeart/2005/8/layout/hList1"/>
    <dgm:cxn modelId="{D786CB25-9964-4246-A564-6893C9B4B7F8}" srcId="{29F29987-E9D1-46AD-B5AC-3F12931DC59C}" destId="{53582233-61FE-4903-B87E-D9B5469B5C0E}" srcOrd="3" destOrd="0" parTransId="{C0841D11-B901-43B4-8826-28815FADAD92}" sibTransId="{C6F6067B-0378-43E9-8905-3D6DDAF3FCCB}"/>
    <dgm:cxn modelId="{64C9C74C-817D-4F38-B71F-E5C5B8484502}" srcId="{0C89DDFC-0EDC-4625-A2D1-0A44DCB1C3CE}" destId="{B8B8A3A2-095A-4A5C-BEE6-972DEB15F6BD}" srcOrd="2" destOrd="0" parTransId="{D6DD5444-C915-4E7C-8384-5FDC25DC73CF}" sibTransId="{695F8BA1-9BEA-4B02-AC0C-F8E84E7D4CC7}"/>
    <dgm:cxn modelId="{A29BE8B0-C066-409F-8BC2-34C1F4E3A1F7}" srcId="{D717DD2B-3C5E-49F1-BA80-B3D2F976FB12}" destId="{2D2CF46D-7166-4036-872D-764A30B2F182}" srcOrd="4" destOrd="0" parTransId="{CB71FE81-9919-4291-ADB5-2E2E6C489605}" sibTransId="{2744CC1C-5DC6-4DFB-BFAE-CA8D2BDA23C2}"/>
    <dgm:cxn modelId="{315DDD5D-0DDE-4C1F-B03B-F4D643F5EF14}" type="presOf" srcId="{397F6B17-BB67-4A6E-8AD2-1FA8A00500DB}" destId="{6B78FBCE-D0DC-4BA4-9B33-CB0E4591272E}" srcOrd="0" destOrd="2" presId="urn:microsoft.com/office/officeart/2005/8/layout/hList1"/>
    <dgm:cxn modelId="{B7CAF5F3-F39C-4204-8F2C-3C2C40F704F3}" srcId="{29F29987-E9D1-46AD-B5AC-3F12931DC59C}" destId="{9BED9459-3203-4B69-BDE2-D4AF65827776}" srcOrd="0" destOrd="0" parTransId="{3F320AA2-B6C3-4813-82F6-7082D84D9B19}" sibTransId="{8B2A8923-625A-4FE3-AFE7-6871996484C8}"/>
    <dgm:cxn modelId="{BB1CE941-75D1-4E18-8AE6-4381C78CE1EF}" type="presOf" srcId="{29F29987-E9D1-46AD-B5AC-3F12931DC59C}" destId="{66A12DDE-5206-48BB-8D94-6B85A74A496B}" srcOrd="0" destOrd="0" presId="urn:microsoft.com/office/officeart/2005/8/layout/hList1"/>
    <dgm:cxn modelId="{DDA98C96-8303-4D3A-BB6D-6312A166D0B1}" type="presOf" srcId="{DD3CEF80-48F7-4F25-B458-184FF05272D8}" destId="{0CA0BDB5-D623-4C1A-8FD3-2BB6243EDC10}" srcOrd="0" destOrd="4" presId="urn:microsoft.com/office/officeart/2005/8/layout/hList1"/>
    <dgm:cxn modelId="{4E724286-54A9-493D-94C2-B0A802AF5260}" type="presOf" srcId="{E618053B-9F7A-4CAA-9914-2AE65BC71B7B}" destId="{790716C4-B837-4378-95CA-CF0D91B4CA0B}" srcOrd="0" destOrd="0" presId="urn:microsoft.com/office/officeart/2005/8/layout/hList1"/>
    <dgm:cxn modelId="{BD7EEC83-7715-4CD9-BC93-004AD2D1E58D}" srcId="{0C89DDFC-0EDC-4625-A2D1-0A44DCB1C3CE}" destId="{1E4971E9-A0A0-4B08-B4D0-C8DEC5BD91DE}" srcOrd="1" destOrd="0" parTransId="{64C3A9F8-58D2-4C78-82E0-FC8741EFC03B}" sibTransId="{3AB1A961-7116-4671-8746-726494D62D62}"/>
    <dgm:cxn modelId="{9D6CA6F4-037D-414A-BE39-5F1E1AD4F4D8}" srcId="{D717DD2B-3C5E-49F1-BA80-B3D2F976FB12}" destId="{E618053B-9F7A-4CAA-9914-2AE65BC71B7B}" srcOrd="0" destOrd="0" parTransId="{616AFA6A-7DED-4A19-A70A-691AA0165FB8}" sibTransId="{407C5A9A-672E-4EC9-A666-BC53B09F8587}"/>
    <dgm:cxn modelId="{6F87DC7D-9A66-44A8-823B-DBA101A858AC}" srcId="{0C89DDFC-0EDC-4625-A2D1-0A44DCB1C3CE}" destId="{399589F8-6DDA-4D53-BBD1-5333ABC0C110}" srcOrd="0" destOrd="0" parTransId="{1D278E18-F4BF-4BBD-B0DF-DF35AE534B67}" sibTransId="{7E1A0143-A0CD-43FC-B227-FF07D7AE0EC8}"/>
    <dgm:cxn modelId="{4080412C-93AA-4170-9574-64600B7A42CC}" srcId="{0C89DDFC-0EDC-4625-A2D1-0A44DCB1C3CE}" destId="{8E4D4A32-05CA-44FB-B40E-BD6D39DBCF3D}" srcOrd="5" destOrd="0" parTransId="{CC3826B5-E544-44EE-AFCA-EB11B77EDFE7}" sibTransId="{85A4C466-48C1-484F-8375-C66D9014B68F}"/>
    <dgm:cxn modelId="{5AEF6EA7-CA01-432F-BDD5-7B505E75F808}" type="presOf" srcId="{64665B36-1F52-4C39-AEBE-04D0DBB3E3F4}" destId="{790716C4-B837-4378-95CA-CF0D91B4CA0B}" srcOrd="0" destOrd="2" presId="urn:microsoft.com/office/officeart/2005/8/layout/hList1"/>
    <dgm:cxn modelId="{B808AC29-22F8-4003-9AF9-562FA2DFBD87}" srcId="{D717DD2B-3C5E-49F1-BA80-B3D2F976FB12}" destId="{9F00FD87-9437-4097-923C-ECC4B2777AB1}" srcOrd="3" destOrd="0" parTransId="{35CD9F5D-E11C-4464-BDBC-09786938CA8D}" sibTransId="{9CD47198-D19B-4951-8435-0C674C5756AE}"/>
    <dgm:cxn modelId="{7EE2FDCF-9803-47E2-8C2F-4AA45FAE2E25}" srcId="{0C89DDFC-0EDC-4625-A2D1-0A44DCB1C3CE}" destId="{DD3CEF80-48F7-4F25-B458-184FF05272D8}" srcOrd="4" destOrd="0" parTransId="{51C87738-E512-4A47-9AAB-A6525CC1E93D}" sibTransId="{96397611-3B74-4F89-A8A0-5C11F0AD78DA}"/>
    <dgm:cxn modelId="{0AA5C6A2-6490-4899-804B-56A5078E6718}" srcId="{0053949C-9DC7-476D-B485-419469C1E8A2}" destId="{D717DD2B-3C5E-49F1-BA80-B3D2F976FB12}" srcOrd="2" destOrd="0" parTransId="{253931BE-0F5A-4CD5-9FB5-ADBEA9ED158A}" sibTransId="{477379A7-7ADE-4FA1-B659-751BED6BFC9F}"/>
    <dgm:cxn modelId="{87F978AC-0A69-46AC-B58D-CD064CFEF666}" type="presOf" srcId="{BC7FEC7D-9834-4486-8CBD-1F7255D5879F}" destId="{6B78FBCE-D0DC-4BA4-9B33-CB0E4591272E}" srcOrd="0" destOrd="5" presId="urn:microsoft.com/office/officeart/2005/8/layout/hList1"/>
    <dgm:cxn modelId="{50C496D4-E57C-495B-9F4C-F8CC395C6D1F}" type="presParOf" srcId="{B8661884-CDC7-4D11-80FC-DA0EB4C82247}" destId="{635FB000-D838-4A03-9E47-25F0B825236E}" srcOrd="0" destOrd="0" presId="urn:microsoft.com/office/officeart/2005/8/layout/hList1"/>
    <dgm:cxn modelId="{69527CAC-7F76-4CBE-B9FD-7EB12CB77F89}" type="presParOf" srcId="{635FB000-D838-4A03-9E47-25F0B825236E}" destId="{66A12DDE-5206-48BB-8D94-6B85A74A496B}" srcOrd="0" destOrd="0" presId="urn:microsoft.com/office/officeart/2005/8/layout/hList1"/>
    <dgm:cxn modelId="{3609918F-9DC8-4F0E-ADF2-B29F76B7AFA7}" type="presParOf" srcId="{635FB000-D838-4A03-9E47-25F0B825236E}" destId="{6B78FBCE-D0DC-4BA4-9B33-CB0E4591272E}" srcOrd="1" destOrd="0" presId="urn:microsoft.com/office/officeart/2005/8/layout/hList1"/>
    <dgm:cxn modelId="{08B32F54-6D1A-4521-810A-F6BD1E80CCB3}" type="presParOf" srcId="{B8661884-CDC7-4D11-80FC-DA0EB4C82247}" destId="{44A049E6-0E85-4B0A-8D74-9B39DA9D8DCD}" srcOrd="1" destOrd="0" presId="urn:microsoft.com/office/officeart/2005/8/layout/hList1"/>
    <dgm:cxn modelId="{6F46D81E-BEAD-4BE2-BBD1-493E3D4401F3}" type="presParOf" srcId="{B8661884-CDC7-4D11-80FC-DA0EB4C82247}" destId="{C46D747E-984E-4E85-A3BC-590A5E52B391}" srcOrd="2" destOrd="0" presId="urn:microsoft.com/office/officeart/2005/8/layout/hList1"/>
    <dgm:cxn modelId="{30ADD452-1F6E-424E-B141-26FF5D3E90FF}" type="presParOf" srcId="{C46D747E-984E-4E85-A3BC-590A5E52B391}" destId="{54C795A3-CD52-434C-B22F-62A3EE73D012}" srcOrd="0" destOrd="0" presId="urn:microsoft.com/office/officeart/2005/8/layout/hList1"/>
    <dgm:cxn modelId="{B3F7C706-7E09-4A90-8508-B9CD2C721DC5}" type="presParOf" srcId="{C46D747E-984E-4E85-A3BC-590A5E52B391}" destId="{0CA0BDB5-D623-4C1A-8FD3-2BB6243EDC10}" srcOrd="1" destOrd="0" presId="urn:microsoft.com/office/officeart/2005/8/layout/hList1"/>
    <dgm:cxn modelId="{4ED505F4-CA7C-4722-BE12-B3310A0319D1}" type="presParOf" srcId="{B8661884-CDC7-4D11-80FC-DA0EB4C82247}" destId="{D6A736AE-59CA-47FF-AF00-30FBEA0F41FB}" srcOrd="3" destOrd="0" presId="urn:microsoft.com/office/officeart/2005/8/layout/hList1"/>
    <dgm:cxn modelId="{B21D347C-ED69-4B6C-9075-1B5766DB87E3}" type="presParOf" srcId="{B8661884-CDC7-4D11-80FC-DA0EB4C82247}" destId="{128B6E9C-59EA-4FD3-BC08-C877C46DDACB}" srcOrd="4" destOrd="0" presId="urn:microsoft.com/office/officeart/2005/8/layout/hList1"/>
    <dgm:cxn modelId="{8172211F-8826-4107-A1EC-2B9DAF7F2729}" type="presParOf" srcId="{128B6E9C-59EA-4FD3-BC08-C877C46DDACB}" destId="{ED91C269-5E7D-4B6A-AC2A-84F816F910A0}" srcOrd="0" destOrd="0" presId="urn:microsoft.com/office/officeart/2005/8/layout/hList1"/>
    <dgm:cxn modelId="{9C77EDB5-91B4-4B6B-9C2F-6D4D6F252881}" type="presParOf" srcId="{128B6E9C-59EA-4FD3-BC08-C877C46DDACB}" destId="{790716C4-B837-4378-95CA-CF0D91B4CA0B}" srcOrd="1" destOrd="0" presId="urn:microsoft.com/office/officeart/2005/8/layout/hList1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66A12DDE-5206-48BB-8D94-6B85A74A496B}">
      <dsp:nvSpPr>
        <dsp:cNvPr id="0" name=""/>
        <dsp:cNvSpPr/>
      </dsp:nvSpPr>
      <dsp:spPr>
        <a:xfrm>
          <a:off x="73790" y="605429"/>
          <a:ext cx="2254822" cy="377658"/>
        </a:xfrm>
        <a:prstGeom prst="rect">
          <a:avLst/>
        </a:prstGeom>
        <a:noFill/>
        <a:ln w="25400" cap="flat" cmpd="sng" algn="ctr">
          <a:solidFill>
            <a:schemeClr val="accent6">
              <a:lumMod val="60000"/>
              <a:lumOff val="40000"/>
              <a:alpha val="90000"/>
            </a:schemeClr>
          </a:solidFill>
          <a:prstDash val="solid"/>
        </a:ln>
        <a:effectLst/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99568" tIns="56896" rIns="99568" bIns="56896" numCol="1" spcCol="1270" anchor="ctr" anchorCtr="0">
          <a:noAutofit/>
        </a:bodyPr>
        <a:lstStyle/>
        <a:p>
          <a:pPr lvl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kern="1200" dirty="0" smtClean="0">
              <a:solidFill>
                <a:schemeClr val="tx1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% GDP: 24.4%</a:t>
          </a:r>
          <a:endParaRPr lang="en-US" sz="1400" kern="1200" dirty="0">
            <a:solidFill>
              <a:schemeClr val="tx1"/>
            </a:solidFill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sp:txBody>
      <dsp:txXfrm>
        <a:off x="73790" y="605429"/>
        <a:ext cx="2254822" cy="377658"/>
      </dsp:txXfrm>
    </dsp:sp>
    <dsp:sp modelId="{6B78FBCE-D0DC-4BA4-9B33-CB0E4591272E}">
      <dsp:nvSpPr>
        <dsp:cNvPr id="0" name=""/>
        <dsp:cNvSpPr/>
      </dsp:nvSpPr>
      <dsp:spPr>
        <a:xfrm>
          <a:off x="73790" y="1103692"/>
          <a:ext cx="2254822" cy="1600205"/>
        </a:xfrm>
        <a:prstGeom prst="rect">
          <a:avLst/>
        </a:prstGeom>
        <a:noFill/>
        <a:ln w="25400" cap="flat" cmpd="sng" algn="ctr">
          <a:solidFill>
            <a:schemeClr val="accent6">
              <a:lumMod val="60000"/>
              <a:lumOff val="40000"/>
              <a:alpha val="90000"/>
            </a:schemeClr>
          </a:solidFill>
          <a:prstDash val="solid"/>
        </a:ln>
        <a:effectLst/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4676" tIns="74676" rIns="99568" bIns="112014" numCol="1" spcCol="1270" anchor="t" anchorCtr="0">
          <a:noAutofit/>
        </a:bodyPr>
        <a:lstStyle/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Population: 2.1mil (10%)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Density: 8518 inhab./sq km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Net Income 568€/month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Market size: 2.5 b€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Competition: 148 stores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sp:txBody>
      <dsp:txXfrm>
        <a:off x="73790" y="1103692"/>
        <a:ext cx="2254822" cy="1600205"/>
      </dsp:txXfrm>
    </dsp:sp>
    <dsp:sp modelId="{54C795A3-CD52-434C-B22F-62A3EE73D012}">
      <dsp:nvSpPr>
        <dsp:cNvPr id="0" name=""/>
        <dsp:cNvSpPr/>
      </dsp:nvSpPr>
      <dsp:spPr>
        <a:xfrm>
          <a:off x="2572810" y="558113"/>
          <a:ext cx="2254822" cy="444952"/>
        </a:xfrm>
        <a:prstGeom prst="rect">
          <a:avLst/>
        </a:prstGeom>
        <a:noFill/>
        <a:ln w="25400" cap="flat" cmpd="sng" algn="ctr">
          <a:solidFill>
            <a:schemeClr val="accent6">
              <a:lumMod val="60000"/>
              <a:lumOff val="40000"/>
              <a:alpha val="90000"/>
            </a:schemeClr>
          </a:solidFill>
          <a:prstDash val="solid"/>
        </a:ln>
        <a:effectLst/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99568" tIns="56896" rIns="99568" bIns="56896" numCol="1" spcCol="1270" anchor="ctr" anchorCtr="0">
          <a:noAutofit/>
        </a:bodyPr>
        <a:lstStyle/>
        <a:p>
          <a:pPr lvl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kern="1200" dirty="0" smtClean="0">
              <a:solidFill>
                <a:schemeClr val="tx1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% GDP: 31.0%</a:t>
          </a:r>
          <a:endParaRPr lang="en-US" sz="1400" kern="1200" dirty="0">
            <a:solidFill>
              <a:schemeClr val="tx1"/>
            </a:solidFill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sp:txBody>
      <dsp:txXfrm>
        <a:off x="2572810" y="558113"/>
        <a:ext cx="2254822" cy="444952"/>
      </dsp:txXfrm>
    </dsp:sp>
    <dsp:sp modelId="{0CA0BDB5-D623-4C1A-8FD3-2BB6243EDC10}">
      <dsp:nvSpPr>
        <dsp:cNvPr id="0" name=""/>
        <dsp:cNvSpPr/>
      </dsp:nvSpPr>
      <dsp:spPr>
        <a:xfrm>
          <a:off x="2572810" y="1102013"/>
          <a:ext cx="2254822" cy="1587585"/>
        </a:xfrm>
        <a:prstGeom prst="rect">
          <a:avLst/>
        </a:prstGeom>
        <a:noFill/>
        <a:ln w="25400" cap="flat" cmpd="sng" algn="ctr">
          <a:solidFill>
            <a:schemeClr val="accent6">
              <a:lumMod val="60000"/>
              <a:lumOff val="40000"/>
              <a:alpha val="90000"/>
            </a:schemeClr>
          </a:solidFill>
          <a:prstDash val="solid"/>
        </a:ln>
        <a:effectLst/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4676" tIns="74676" rIns="99568" bIns="112014" numCol="1" spcCol="1270" anchor="t" anchorCtr="0">
          <a:noAutofit/>
        </a:bodyPr>
        <a:lstStyle/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Population: 2.9mil (15%)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Density: 2317 inhab./sq km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Net Income 375€/month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Market size: 2.9 b€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Competition: 316 stores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sp:txBody>
      <dsp:txXfrm>
        <a:off x="2572810" y="1102013"/>
        <a:ext cx="2254822" cy="1587585"/>
      </dsp:txXfrm>
    </dsp:sp>
    <dsp:sp modelId="{ED91C269-5E7D-4B6A-AC2A-84F816F910A0}">
      <dsp:nvSpPr>
        <dsp:cNvPr id="0" name=""/>
        <dsp:cNvSpPr/>
      </dsp:nvSpPr>
      <dsp:spPr>
        <a:xfrm>
          <a:off x="5071830" y="566708"/>
          <a:ext cx="2254822" cy="445327"/>
        </a:xfrm>
        <a:prstGeom prst="rect">
          <a:avLst/>
        </a:prstGeom>
        <a:noFill/>
        <a:ln w="25400" cap="flat" cmpd="sng" algn="ctr">
          <a:solidFill>
            <a:schemeClr val="tx1">
              <a:alpha val="55000"/>
            </a:schemeClr>
          </a:solidFill>
          <a:prstDash val="solid"/>
        </a:ln>
        <a:effectLst/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99568" tIns="56896" rIns="99568" bIns="56896" numCol="1" spcCol="1270" anchor="ctr" anchorCtr="0">
          <a:noAutofit/>
        </a:bodyPr>
        <a:lstStyle/>
        <a:p>
          <a:pPr lvl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kern="1200" dirty="0" smtClean="0">
              <a:solidFill>
                <a:schemeClr val="tx1"/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% GDP: 44.6%</a:t>
          </a:r>
          <a:endParaRPr lang="en-US" sz="1400" kern="1200" dirty="0">
            <a:solidFill>
              <a:schemeClr val="tx1"/>
            </a:solidFill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sp:txBody>
      <dsp:txXfrm>
        <a:off x="5071830" y="566708"/>
        <a:ext cx="2254822" cy="445327"/>
      </dsp:txXfrm>
    </dsp:sp>
    <dsp:sp modelId="{790716C4-B837-4378-95CA-CF0D91B4CA0B}">
      <dsp:nvSpPr>
        <dsp:cNvPr id="0" name=""/>
        <dsp:cNvSpPr/>
      </dsp:nvSpPr>
      <dsp:spPr>
        <a:xfrm>
          <a:off x="5071830" y="1090664"/>
          <a:ext cx="2254822" cy="1552083"/>
        </a:xfrm>
        <a:prstGeom prst="rect">
          <a:avLst/>
        </a:prstGeom>
        <a:noFill/>
        <a:ln w="25400" cap="flat" cmpd="sng" algn="ctr">
          <a:solidFill>
            <a:schemeClr val="accent6">
              <a:lumMod val="60000"/>
              <a:lumOff val="40000"/>
              <a:alpha val="90000"/>
            </a:schemeClr>
          </a:solidFill>
          <a:prstDash val="solid"/>
        </a:ln>
        <a:effectLst/>
        <a:scene3d>
          <a:camera prst="orthographicFront">
            <a:rot lat="0" lon="0" rev="0"/>
          </a:camera>
          <a:lightRig rig="soft" dir="t">
            <a:rot lat="0" lon="0" rev="0"/>
          </a:lightRig>
        </a:scene3d>
        <a:sp3d contourW="44450" prstMaterial="matte">
          <a:bevelT w="63500" h="63500" prst="artDeco"/>
          <a:contourClr>
            <a:srgbClr val="FFFFFF"/>
          </a:contourClr>
        </a:sp3d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4676" tIns="74676" rIns="99568" bIns="112014" numCol="1" spcCol="1270" anchor="t" anchorCtr="0">
          <a:noAutofit/>
        </a:bodyPr>
        <a:lstStyle/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Population</a:t>
          </a:r>
          <a:r>
            <a:rPr lang="en-US" sz="1400" kern="12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: 14.9mil </a:t>
          </a:r>
          <a:r>
            <a:rPr lang="en-US" sz="1400" kern="12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(75%)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Density: N/A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Income 332 €/month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Market size: 11.6 b€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400" kern="1200" dirty="0" smtClean="0">
              <a:latin typeface="Times New Roman" panose="02020603050405020304" pitchFamily="18" charset="0"/>
              <a:ea typeface="+mn-ea"/>
              <a:cs typeface="Times New Roman" panose="02020603050405020304" pitchFamily="18" charset="0"/>
            </a:rPr>
            <a:t>Competition: 781 stores</a:t>
          </a:r>
          <a:endParaRPr lang="en-US" sz="1400" kern="1200" dirty="0">
            <a:latin typeface="Times New Roman" panose="02020603050405020304" pitchFamily="18" charset="0"/>
            <a:ea typeface="+mn-ea"/>
            <a:cs typeface="Times New Roman" panose="02020603050405020304" pitchFamily="18" charset="0"/>
          </a:endParaRPr>
        </a:p>
      </dsp:txBody>
      <dsp:txXfrm>
        <a:off x="5071830" y="1090664"/>
        <a:ext cx="2254822" cy="1552083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hList1">
  <dgm:title val=""/>
  <dgm:desc val=""/>
  <dgm:catLst>
    <dgm:cat type="list" pri="5000"/>
    <dgm:cat type="convert" pri="5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13" srcId="1" destId="11" srcOrd="0" destOrd="0"/>
        <dgm:cxn modelId="14" srcId="1" destId="12" srcOrd="1" destOrd="0"/>
        <dgm:cxn modelId="23" srcId="2" destId="21" srcOrd="0" destOrd="0"/>
        <dgm:cxn modelId="24" srcId="2" destId="22" srcOrd="1" destOrd="0"/>
        <dgm:cxn modelId="33" srcId="3" destId="31" srcOrd="0" destOrd="0"/>
        <dgm:cxn modelId="34" srcId="3" destId="32" srcOrd="1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2">
          <dgm:prSet phldr="1"/>
        </dgm:pt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  <dgm:pt modelId="4">
          <dgm:prSet phldr="1"/>
        </dgm:pt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animLvl val="lvl"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h" for="ch" forName="composite" refType="h"/>
      <dgm:constr type="w" for="ch" forName="composite" refType="w"/>
      <dgm:constr type="w" for="des" forName="parTx"/>
      <dgm:constr type="h" for="des" forName="parTx" op="equ"/>
      <dgm:constr type="w" for="des" forName="desTx"/>
      <dgm:constr type="h" for="des" forName="desTx" op="equ"/>
      <dgm:constr type="primFontSz" for="des" forName="parTx" val="65"/>
      <dgm:constr type="secFontSz" for="des" forName="desTx" refType="primFontSz" refFor="des" refForName="parTx" op="equ"/>
      <dgm:constr type="h" for="des" forName="parTx" refType="primFontSz" refFor="des" refForName="parTx" fact="0.8"/>
      <dgm:constr type="h" for="des" forName="desTx" refType="primFontSz" refFor="des" refForName="parTx" fact="1.22"/>
      <dgm:constr type="w" for="ch" forName="space" refType="w" refFor="ch" refForName="composite" op="equ" fact="0.14"/>
    </dgm:constrLst>
    <dgm:ruleLst>
      <dgm:rule type="w" for="ch" forName="composite" val="0" fact="NaN" max="NaN"/>
      <dgm:rule type="primFontSz" for="des" forName="parTx" val="5" fact="NaN" max="NaN"/>
    </dgm:ruleLst>
    <dgm:forEach name="Name4" axis="ch" ptType="node">
      <dgm:layoutNode name="composite">
        <dgm:alg type="composite"/>
        <dgm:shape xmlns:r="http://schemas.openxmlformats.org/officeDocument/2006/relationships" r:blip="">
          <dgm:adjLst/>
        </dgm:shape>
        <dgm:presOf/>
        <dgm:constrLst>
          <dgm:constr type="l" for="ch" forName="parTx"/>
          <dgm:constr type="w" for="ch" forName="parTx" refType="w"/>
          <dgm:constr type="t" for="ch" forName="parTx"/>
          <dgm:constr type="l" for="ch" forName="desTx"/>
          <dgm:constr type="w" for="ch" forName="desTx" refType="w" refFor="ch" refForName="parTx"/>
          <dgm:constr type="t" for="ch" forName="desTx" refType="h" refFor="ch" refForName="parTx"/>
        </dgm:constrLst>
        <dgm:ruleLst>
          <dgm:rule type="h" val="INF" fact="NaN" max="NaN"/>
        </dgm:ruleLst>
        <dgm:layoutNode name="parTx" styleLbl="alignNode1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>
            <dgm:adjLst/>
          </dgm:shape>
          <dgm:presOf axis="self" ptType="node"/>
          <dgm:constrLst>
            <dgm:constr type="h" refType="w" op="lte" fact="0.4"/>
            <dgm:constr type="h"/>
            <dgm:constr type="tMarg" refType="primFontSz" fact="0.32"/>
            <dgm:constr type="bMarg" refType="primFontSz" fact="0.32"/>
          </dgm:constrLst>
          <dgm:ruleLst>
            <dgm:rule type="h" val="INF" fact="NaN" max="NaN"/>
          </dgm:ruleLst>
        </dgm:layoutNode>
        <dgm:layoutNode name="desTx" styleLbl="alignAccFollowNode1">
          <dgm:varLst>
            <dgm:bulletEnabled val="1"/>
          </dgm:varLst>
          <dgm:alg type="tx">
            <dgm:param type="stBulletLvl" val="1"/>
          </dgm:alg>
          <dgm:shape xmlns:r="http://schemas.openxmlformats.org/officeDocument/2006/relationships" type="rect" r:blip="">
            <dgm:adjLst/>
          </dgm:shape>
          <dgm:presOf axis="des" ptType="node"/>
          <dgm:constrLst>
            <dgm:constr type="secFontSz" val="65"/>
            <dgm:constr type="primFontSz" refType="secFontSz"/>
            <dgm:constr type="h"/>
            <dgm:constr type="lMarg" refType="primFontSz" fact="0.42"/>
            <dgm:constr type="tMarg" refType="primFontSz" fact="0.42"/>
            <dgm:constr type="bMarg" refType="primFontSz" fact="0.63"/>
          </dgm:constrLst>
          <dgm:ruleLst>
            <dgm:rule type="h" val="INF" fact="NaN" max="NaN"/>
          </dgm:ruleLst>
        </dgm:layoutNode>
      </dgm:layoutNode>
      <dgm:forEach name="Name5" axis="followSib" ptType="sibTrans" cnt="1">
        <dgm:layoutNode name="space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8.vml.rels><?xml version="1.0" encoding="UTF-8" standalone="yes"?>
<Relationships xmlns="http://schemas.openxmlformats.org/package/2006/relationships"><Relationship Id="rId2" Type="http://schemas.openxmlformats.org/officeDocument/2006/relationships/image" Target="../media/image54.emf"/><Relationship Id="rId1" Type="http://schemas.openxmlformats.org/officeDocument/2006/relationships/image" Target="../media/image10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6039E1C4-AAC8-4B6A-8843-2BAF00F9BE8B}" type="datetimeFigureOut">
              <a:rPr lang="en-US" smtClean="0"/>
              <a:t>5/7/2018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3A59BBD-CC16-4F78-87C3-468045605F9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8334604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E9DCECE3-D06C-41ED-BBFA-11FE67CC04AE}" type="slidenum">
              <a:rPr lang="el-GR" smtClean="0">
                <a:solidFill>
                  <a:prstClr val="black"/>
                </a:solidFill>
              </a:rPr>
              <a:pPr>
                <a:defRPr/>
              </a:pPr>
              <a:t>9</a:t>
            </a:fld>
            <a:endParaRPr lang="el-GR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7945364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8B6CDEB-0661-B144-9074-AE831D4E9728}" type="slidenum">
              <a:rPr lang="fr-FR" smtClean="0"/>
              <a:pPr>
                <a:defRPr/>
              </a:pPr>
              <a:t>24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4135103938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8B6CDEB-0661-B144-9074-AE831D4E9728}" type="slidenum">
              <a:rPr lang="fr-FR" smtClean="0"/>
              <a:pPr>
                <a:defRPr/>
              </a:pPr>
              <a:t>25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4135103938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mtClean="0"/>
              <a:t>#stores updated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/>
              <a:t>2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46241096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>
                <a:solidFill>
                  <a:prstClr val="black"/>
                </a:solidFill>
              </a:rPr>
              <a:pPr/>
              <a:t>27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46241096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mtClean="0"/>
              <a:t>#stores updated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>
                <a:solidFill>
                  <a:prstClr val="black"/>
                </a:solidFill>
              </a:rPr>
              <a:pPr/>
              <a:t>28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46241096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smtClean="0"/>
              <a:t>#stores updated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>
                <a:solidFill>
                  <a:prstClr val="black"/>
                </a:solidFill>
              </a:rPr>
              <a:pPr/>
              <a:t>29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46241096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/>
              <a:pPr/>
              <a:t>3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46241096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/>
              <a:t>3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4221056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/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46241096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6078167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/>
              <a:t>1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46241096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7665540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/>
              <a:t>1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46241096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/>
              <a:t>2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46241096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/>
              <a:t>2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46241096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baseline="0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3A59BBD-CC16-4F78-87C3-468045605F9A}" type="slidenum">
              <a:rPr lang="en-US" smtClean="0"/>
              <a:t>2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4624109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gif"/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gif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png"/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gif"/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gif"/><Relationship Id="rId1" Type="http://schemas.openxmlformats.org/officeDocument/2006/relationships/slideMaster" Target="../slideMasters/slideMaster2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 userDrawn="1"/>
        </p:nvSpPr>
        <p:spPr>
          <a:xfrm>
            <a:off x="457200" y="4805362"/>
            <a:ext cx="8458200" cy="215504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pic>
        <p:nvPicPr>
          <p:cNvPr id="3" name="Image 7" descr="DLZGroup_cmyk-01.png"/>
          <p:cNvPicPr>
            <a:picLocks noChangeAspect="1"/>
          </p:cNvPicPr>
          <p:nvPr userDrawn="1"/>
        </p:nvPicPr>
        <p:blipFill>
          <a:blip r:embed="rId2"/>
          <a:srcRect/>
          <a:stretch>
            <a:fillRect/>
          </a:stretch>
        </p:blipFill>
        <p:spPr bwMode="auto">
          <a:xfrm>
            <a:off x="2003430" y="2432452"/>
            <a:ext cx="5137150" cy="4822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A8FC003F-F778-444D-AB0F-F9CED41682B0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444420494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hapter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457205" y="771526"/>
            <a:ext cx="8229600" cy="3982641"/>
          </a:xfrm>
          <a:prstGeom prst="rect">
            <a:avLst/>
          </a:prstGeom>
          <a:solidFill>
            <a:srgbClr val="E86A37"/>
          </a:solidFill>
          <a:ln>
            <a:solidFill>
              <a:srgbClr val="E86A37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baseline="-25000" dirty="0">
              <a:solidFill>
                <a:prstClr val="white"/>
              </a:solidFill>
            </a:endParaRP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6" name="Espace réservé du texte 6"/>
          <p:cNvSpPr>
            <a:spLocks noGrp="1"/>
          </p:cNvSpPr>
          <p:nvPr>
            <p:ph type="body" sz="quarter" idx="12" hasCustomPrompt="1"/>
          </p:nvPr>
        </p:nvSpPr>
        <p:spPr>
          <a:xfrm>
            <a:off x="990600" y="1657350"/>
            <a:ext cx="7315200" cy="2228850"/>
          </a:xfrm>
        </p:spPr>
        <p:txBody>
          <a:bodyPr anchor="ctr">
            <a:noAutofit/>
          </a:bodyPr>
          <a:lstStyle>
            <a:lvl1pPr algn="ctr">
              <a:buNone/>
              <a:defRPr sz="40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CB1568C8-1197-B645-8A45-1C53FA570213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60415769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LZ_2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3" name="Espace réservé du contenu 2"/>
          <p:cNvSpPr>
            <a:spLocks noGrp="1"/>
          </p:cNvSpPr>
          <p:nvPr>
            <p:ph sz="half" idx="1" hasCustomPrompt="1"/>
          </p:nvPr>
        </p:nvSpPr>
        <p:spPr>
          <a:xfrm>
            <a:off x="457200" y="1200151"/>
            <a:ext cx="4038600" cy="3394472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nl-BE" dirty="0" smtClean="0"/>
              <a:t>Click to modify text</a:t>
            </a:r>
          </a:p>
          <a:p>
            <a:pPr lvl="1"/>
            <a:r>
              <a:rPr lang="nl-BE" dirty="0" smtClean="0"/>
              <a:t>Second level</a:t>
            </a:r>
          </a:p>
          <a:p>
            <a:pPr lvl="2"/>
            <a:r>
              <a:rPr lang="nl-BE" dirty="0" smtClean="0"/>
              <a:t>Third level</a:t>
            </a:r>
          </a:p>
          <a:p>
            <a:pPr lvl="3"/>
            <a:r>
              <a:rPr lang="nl-BE" dirty="0" smtClean="0"/>
              <a:t>Fourth level</a:t>
            </a:r>
          </a:p>
          <a:p>
            <a:pPr lvl="4"/>
            <a:r>
              <a:rPr lang="nl-BE" dirty="0" smtClean="0"/>
              <a:t>Fifth level</a:t>
            </a:r>
            <a:endParaRPr lang="fr-FR" dirty="0"/>
          </a:p>
        </p:txBody>
      </p:sp>
      <p:sp>
        <p:nvSpPr>
          <p:cNvPr id="4" name="Espace réservé du contenu 3"/>
          <p:cNvSpPr>
            <a:spLocks noGrp="1"/>
          </p:cNvSpPr>
          <p:nvPr>
            <p:ph sz="half" idx="2" hasCustomPrompt="1"/>
          </p:nvPr>
        </p:nvSpPr>
        <p:spPr>
          <a:xfrm>
            <a:off x="4648205" y="1200151"/>
            <a:ext cx="4038600" cy="3394472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nl-BE" dirty="0" smtClean="0"/>
              <a:t>Cliquez pour modifier les sty les du texte du masque</a:t>
            </a:r>
          </a:p>
          <a:p>
            <a:pPr lvl="1"/>
            <a:r>
              <a:rPr lang="nl-BE" dirty="0" smtClean="0"/>
              <a:t>Deuxième niveau</a:t>
            </a:r>
          </a:p>
          <a:p>
            <a:pPr lvl="2"/>
            <a:r>
              <a:rPr lang="nl-BE" dirty="0" smtClean="0"/>
              <a:t>Troisième niveau</a:t>
            </a:r>
          </a:p>
          <a:p>
            <a:pPr lvl="3"/>
            <a:r>
              <a:rPr lang="nl-BE" dirty="0" smtClean="0"/>
              <a:t>Quatrième niveau</a:t>
            </a:r>
          </a:p>
          <a:p>
            <a:pPr lvl="4"/>
            <a:r>
              <a:rPr lang="nl-BE" dirty="0" smtClean="0"/>
              <a:t>Cinquième niveau</a:t>
            </a:r>
            <a:endParaRPr lang="fr-FR" dirty="0"/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fr-FR" dirty="0"/>
              <a:t>|</a:t>
            </a:r>
            <a:r>
              <a:rPr lang="fr-FR" dirty="0">
                <a:solidFill>
                  <a:srgbClr val="898989"/>
                </a:solidFill>
              </a:rPr>
              <a:t> </a:t>
            </a:r>
            <a:r>
              <a:rPr lang="en-US" dirty="0">
                <a:solidFill>
                  <a:srgbClr val="898989"/>
                </a:solidFill>
              </a:rPr>
              <a:t> </a:t>
            </a:r>
            <a:fld id="{B7107EB7-0F8B-5445-A4D1-69B7FB1CC606}" type="slidenum">
              <a:rPr lang="en-US">
                <a:solidFill>
                  <a:srgbClr val="898989"/>
                </a:solidFill>
              </a:rPr>
              <a:pPr>
                <a:defRPr/>
              </a:pPr>
              <a:t>‹#›</a:t>
            </a:fld>
            <a:endParaRPr lang="fr-FR" dirty="0">
              <a:solidFill>
                <a:srgbClr val="898989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1653959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DLZ_2contents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3" name="Espace réservé du texte 2"/>
          <p:cNvSpPr>
            <a:spLocks noGrp="1"/>
          </p:cNvSpPr>
          <p:nvPr>
            <p:ph type="body" idx="1" hasCustomPrompt="1"/>
          </p:nvPr>
        </p:nvSpPr>
        <p:spPr>
          <a:xfrm>
            <a:off x="457200" y="1151335"/>
            <a:ext cx="4040188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972" indent="0">
              <a:buNone/>
              <a:defRPr sz="2000" b="1"/>
            </a:lvl2pPr>
            <a:lvl3pPr marL="913945" indent="0">
              <a:buNone/>
              <a:defRPr sz="1800" b="1"/>
            </a:lvl3pPr>
            <a:lvl4pPr marL="1370915" indent="0">
              <a:buNone/>
              <a:defRPr sz="1600" b="1"/>
            </a:lvl4pPr>
            <a:lvl5pPr marL="1827890" indent="0">
              <a:buNone/>
              <a:defRPr sz="1600" b="1"/>
            </a:lvl5pPr>
            <a:lvl6pPr marL="2284863" indent="0">
              <a:buNone/>
              <a:defRPr sz="1600" b="1"/>
            </a:lvl6pPr>
            <a:lvl7pPr marL="2741835" indent="0">
              <a:buNone/>
              <a:defRPr sz="1600" b="1"/>
            </a:lvl7pPr>
            <a:lvl8pPr marL="3198807" indent="0">
              <a:buNone/>
              <a:defRPr sz="1600" b="1"/>
            </a:lvl8pPr>
            <a:lvl9pPr marL="3655780" indent="0">
              <a:buNone/>
              <a:defRPr sz="1600" b="1"/>
            </a:lvl9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4" name="Espace réservé du contenu 3"/>
          <p:cNvSpPr>
            <a:spLocks noGrp="1"/>
          </p:cNvSpPr>
          <p:nvPr>
            <p:ph sz="half" idx="2"/>
          </p:nvPr>
        </p:nvSpPr>
        <p:spPr>
          <a:xfrm>
            <a:off x="457200" y="1631156"/>
            <a:ext cx="4040188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nl-BE" smtClean="0"/>
              <a:t>Cliquez pour modifier les styles du texte du masque</a:t>
            </a:r>
          </a:p>
          <a:p>
            <a:pPr lvl="1"/>
            <a:r>
              <a:rPr lang="nl-BE" smtClean="0"/>
              <a:t>Deuxième niveau</a:t>
            </a:r>
          </a:p>
          <a:p>
            <a:pPr lvl="2"/>
            <a:r>
              <a:rPr lang="nl-BE" smtClean="0"/>
              <a:t>Troisième niveau</a:t>
            </a:r>
          </a:p>
          <a:p>
            <a:pPr lvl="3"/>
            <a:r>
              <a:rPr lang="nl-BE" smtClean="0"/>
              <a:t>Quatrième niveau</a:t>
            </a:r>
          </a:p>
          <a:p>
            <a:pPr lvl="4"/>
            <a:r>
              <a:rPr lang="nl-BE" smtClean="0"/>
              <a:t>Cinquième niveau</a:t>
            </a:r>
            <a:endParaRPr lang="fr-FR"/>
          </a:p>
        </p:txBody>
      </p:sp>
      <p:sp>
        <p:nvSpPr>
          <p:cNvPr id="5" name="Espace réservé du texte 4"/>
          <p:cNvSpPr>
            <a:spLocks noGrp="1"/>
          </p:cNvSpPr>
          <p:nvPr>
            <p:ph type="body" sz="quarter" idx="3" hasCustomPrompt="1"/>
          </p:nvPr>
        </p:nvSpPr>
        <p:spPr>
          <a:xfrm>
            <a:off x="4645033" y="1151335"/>
            <a:ext cx="4041775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972" indent="0">
              <a:buNone/>
              <a:defRPr sz="2000" b="1"/>
            </a:lvl2pPr>
            <a:lvl3pPr marL="913945" indent="0">
              <a:buNone/>
              <a:defRPr sz="1800" b="1"/>
            </a:lvl3pPr>
            <a:lvl4pPr marL="1370915" indent="0">
              <a:buNone/>
              <a:defRPr sz="1600" b="1"/>
            </a:lvl4pPr>
            <a:lvl5pPr marL="1827890" indent="0">
              <a:buNone/>
              <a:defRPr sz="1600" b="1"/>
            </a:lvl5pPr>
            <a:lvl6pPr marL="2284863" indent="0">
              <a:buNone/>
              <a:defRPr sz="1600" b="1"/>
            </a:lvl6pPr>
            <a:lvl7pPr marL="2741835" indent="0">
              <a:buNone/>
              <a:defRPr sz="1600" b="1"/>
            </a:lvl7pPr>
            <a:lvl8pPr marL="3198807" indent="0">
              <a:buNone/>
              <a:defRPr sz="1600" b="1"/>
            </a:lvl8pPr>
            <a:lvl9pPr marL="3655780" indent="0">
              <a:buNone/>
              <a:defRPr sz="1600" b="1"/>
            </a:lvl9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6" name="Espace réservé du contenu 5"/>
          <p:cNvSpPr>
            <a:spLocks noGrp="1"/>
          </p:cNvSpPr>
          <p:nvPr>
            <p:ph sz="quarter" idx="4"/>
          </p:nvPr>
        </p:nvSpPr>
        <p:spPr>
          <a:xfrm>
            <a:off x="4645033" y="1631156"/>
            <a:ext cx="4041775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nl-BE" smtClean="0"/>
              <a:t>Cliquez pour modifier les styles du texte du masque</a:t>
            </a:r>
          </a:p>
          <a:p>
            <a:pPr lvl="1"/>
            <a:r>
              <a:rPr lang="nl-BE" smtClean="0"/>
              <a:t>Deuxième niveau</a:t>
            </a:r>
          </a:p>
          <a:p>
            <a:pPr lvl="2"/>
            <a:r>
              <a:rPr lang="nl-BE" smtClean="0"/>
              <a:t>Troisième niveau</a:t>
            </a:r>
          </a:p>
          <a:p>
            <a:pPr lvl="3"/>
            <a:r>
              <a:rPr lang="nl-BE" smtClean="0"/>
              <a:t>Quatrième niveau</a:t>
            </a:r>
          </a:p>
          <a:p>
            <a:pPr lvl="4"/>
            <a:r>
              <a:rPr lang="nl-BE" smtClean="0"/>
              <a:t>Cinquième niveau</a:t>
            </a:r>
            <a:endParaRPr lang="fr-FR"/>
          </a:p>
        </p:txBody>
      </p:sp>
      <p:sp>
        <p:nvSpPr>
          <p:cNvPr id="7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fr-FR" dirty="0"/>
              <a:t>|</a:t>
            </a:r>
            <a:r>
              <a:rPr lang="fr-FR" dirty="0">
                <a:solidFill>
                  <a:srgbClr val="898989"/>
                </a:solidFill>
              </a:rPr>
              <a:t> </a:t>
            </a:r>
            <a:r>
              <a:rPr lang="en-US" dirty="0">
                <a:solidFill>
                  <a:srgbClr val="898989"/>
                </a:solidFill>
              </a:rPr>
              <a:t> </a:t>
            </a:r>
            <a:fld id="{5406199C-CB4C-2742-BB3A-BC07ECAAEFD3}" type="slidenum">
              <a:rPr lang="en-US">
                <a:solidFill>
                  <a:srgbClr val="898989"/>
                </a:solidFill>
              </a:rPr>
              <a:pPr>
                <a:defRPr/>
              </a:pPr>
              <a:t>‹#›</a:t>
            </a:fld>
            <a:endParaRPr lang="fr-FR" dirty="0">
              <a:solidFill>
                <a:srgbClr val="898989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8479401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 15" descr="mots.png"/>
          <p:cNvPicPr>
            <a:picLocks noChangeAspect="1"/>
          </p:cNvPicPr>
          <p:nvPr userDrawn="1"/>
        </p:nvPicPr>
        <p:blipFill>
          <a:blip r:embed="rId2"/>
          <a:srcRect/>
          <a:stretch>
            <a:fillRect/>
          </a:stretch>
        </p:blipFill>
        <p:spPr bwMode="auto">
          <a:xfrm>
            <a:off x="530230" y="335757"/>
            <a:ext cx="8083550" cy="2357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" name="Image 10" descr="ThankYou.png"/>
          <p:cNvPicPr>
            <a:picLocks noChangeAspect="1"/>
          </p:cNvPicPr>
          <p:nvPr userDrawn="1"/>
        </p:nvPicPr>
        <p:blipFill>
          <a:blip r:embed="rId3"/>
          <a:srcRect/>
          <a:stretch>
            <a:fillRect/>
          </a:stretch>
        </p:blipFill>
        <p:spPr bwMode="auto">
          <a:xfrm>
            <a:off x="1335096" y="2114551"/>
            <a:ext cx="6473825" cy="1128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D163AC61-EB4B-AC43-A899-178E57A80DB5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954584565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u numéro de diapositive 5"/>
          <p:cNvSpPr>
            <a:spLocks noGrp="1"/>
          </p:cNvSpPr>
          <p:nvPr>
            <p:ph type="sldNum" sz="quarter" idx="4"/>
          </p:nvPr>
        </p:nvSpPr>
        <p:spPr>
          <a:xfrm>
            <a:off x="8183566" y="4786001"/>
            <a:ext cx="503237" cy="273844"/>
          </a:xfrm>
          <a:prstGeom prst="rect">
            <a:avLst/>
          </a:prstGeom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r">
              <a:defRPr sz="900">
                <a:solidFill>
                  <a:srgbClr val="404040"/>
                </a:solidFill>
                <a:latin typeface="Arial" charset="0"/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E8EA0C20-C23B-EC45-AFCE-E5370929061F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912717432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200"/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3" name="Espace réservé du numéro de diapositive 5"/>
          <p:cNvSpPr>
            <a:spLocks noGrp="1"/>
          </p:cNvSpPr>
          <p:nvPr>
            <p:ph type="sldNum" sz="quarter" idx="4"/>
          </p:nvPr>
        </p:nvSpPr>
        <p:spPr>
          <a:xfrm>
            <a:off x="8183566" y="4767267"/>
            <a:ext cx="503237" cy="273844"/>
          </a:xfrm>
          <a:prstGeom prst="rect">
            <a:avLst/>
          </a:prstGeom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r">
              <a:defRPr sz="900">
                <a:solidFill>
                  <a:srgbClr val="404040"/>
                </a:solidFill>
                <a:latin typeface="Arial" charset="0"/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E8EA0C20-C23B-EC45-AFCE-E5370929061F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16152925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l-GR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3"/>
          </p:nvPr>
        </p:nvSpPr>
        <p:spPr>
          <a:xfrm>
            <a:off x="422031" y="1131305"/>
            <a:ext cx="8301046" cy="34425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l-GR" dirty="0"/>
          </a:p>
        </p:txBody>
      </p:sp>
      <p:sp>
        <p:nvSpPr>
          <p:cNvPr id="7" name="Slide Number Placeholder 5" hidden="1"/>
          <p:cNvSpPr txBox="1">
            <a:spLocks/>
          </p:cNvSpPr>
          <p:nvPr userDrawn="1"/>
        </p:nvSpPr>
        <p:spPr>
          <a:xfrm>
            <a:off x="8687634" y="5120100"/>
            <a:ext cx="176123" cy="99900"/>
          </a:xfrm>
          <a:prstGeom prst="flowChartProcess">
            <a:avLst/>
          </a:prstGeom>
        </p:spPr>
        <p:txBody>
          <a:bodyPr vert="horz" wrap="none" lIns="0" tIns="0" rIns="0" bIns="0" rtlCol="0" anchor="t" anchorCtr="0"/>
          <a:lstStyle/>
          <a:p>
            <a:pPr algn="r" defTabSz="913217">
              <a:defRPr/>
            </a:pPr>
            <a:r>
              <a:rPr lang="el-GR" sz="900" dirty="0">
                <a:solidFill>
                  <a:prstClr val="black"/>
                </a:solidFill>
                <a:ea typeface="ＭＳ Ｐゴシック" pitchFamily="-65" charset="-128"/>
              </a:rPr>
              <a:t>‹#›</a:t>
            </a:r>
          </a:p>
          <a:p>
            <a:pPr algn="r" defTabSz="913217">
              <a:defRPr/>
            </a:pPr>
            <a:endParaRPr lang="el-GR" sz="900" dirty="0">
              <a:solidFill>
                <a:prstClr val="black"/>
              </a:solidFill>
              <a:ea typeface="ＭＳ Ｐゴシック" pitchFamily="-65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4259030843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>
  <p:cSld name="Title, Text,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89000" y="228601"/>
            <a:ext cx="7581900" cy="706041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649291" y="1543050"/>
            <a:ext cx="3692525" cy="32575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494216" y="1543050"/>
            <a:ext cx="3692525" cy="32575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Rectangle 23"/>
          <p:cNvSpPr>
            <a:spLocks noGrp="1" noChangeArrowheads="1"/>
          </p:cNvSpPr>
          <p:nvPr>
            <p:ph type="ftr" sz="quarter" idx="10"/>
          </p:nvPr>
        </p:nvSpPr>
        <p:spPr>
          <a:xfrm>
            <a:off x="152400" y="5016104"/>
            <a:ext cx="8839200" cy="114300"/>
          </a:xfrm>
          <a:prstGeom prst="rect">
            <a:avLst/>
          </a:prstGeom>
        </p:spPr>
        <p:txBody>
          <a:bodyPr lIns="91322" tIns="45660" rIns="91322" bIns="45660"/>
          <a:lstStyle>
            <a:lvl1pPr>
              <a:defRPr>
                <a:latin typeface="Times New Roman" pitchFamily="18" charset="0"/>
              </a:defRPr>
            </a:lvl1pPr>
          </a:lstStyle>
          <a:p>
            <a:pPr defTabSz="456972" fontAlgn="base">
              <a:spcBef>
                <a:spcPct val="0"/>
              </a:spcBef>
              <a:spcAft>
                <a:spcPct val="0"/>
              </a:spcAft>
              <a:defRPr/>
            </a:pPr>
            <a:endParaRPr lang="en-GB">
              <a:solidFill>
                <a:prstClr val="black"/>
              </a:solidFill>
              <a:ea typeface="ＭＳ Ｐゴシック" pitchFamily="-65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592837232"/>
      </p:ext>
    </p:extLst>
  </p:cSld>
  <p:clrMapOvr>
    <a:masterClrMapping/>
  </p:clrMapOvr>
  <p:transition>
    <p:wipe dir="r"/>
  </p:transition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609" y="878263"/>
            <a:ext cx="2706607" cy="304946"/>
          </a:xfrm>
          <a:blipFill dpi="0" rotWithShape="1">
            <a:blip r:embed="rId2" cstate="print"/>
            <a:srcRect/>
            <a:tile tx="0" ty="0" sx="100000" sy="100000" flip="none" algn="b"/>
          </a:blipFill>
        </p:spPr>
        <p:txBody>
          <a:bodyPr lIns="0" tIns="0" rIns="0" bIns="85048" anchor="b" anchorCtr="0">
            <a:normAutofit/>
          </a:bodyPr>
          <a:lstStyle>
            <a:lvl1pPr marL="0" indent="0" algn="ctr" rtl="0">
              <a:buNone/>
              <a:defRPr sz="1500" b="1" cap="all"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6093328" y="878263"/>
            <a:ext cx="2706607" cy="304946"/>
          </a:xfrm>
          <a:blipFill dpi="0" rotWithShape="1">
            <a:blip r:embed="rId2" cstate="print"/>
            <a:srcRect/>
            <a:tile tx="0" ty="0" sx="100000" sy="100000" flip="none" algn="b"/>
          </a:blipFill>
        </p:spPr>
        <p:txBody>
          <a:bodyPr lIns="0" tIns="0" rIns="0" bIns="85048" anchor="b" anchorCtr="0">
            <a:normAutofit/>
          </a:bodyPr>
          <a:lstStyle>
            <a:lvl1pPr marL="0" indent="0" algn="ctr" rtl="0">
              <a:buNone/>
              <a:defRPr sz="1500" b="1" cap="all"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223469" y="878263"/>
            <a:ext cx="2706607" cy="304946"/>
          </a:xfrm>
          <a:blipFill dpi="0" rotWithShape="1">
            <a:blip r:embed="rId2" cstate="print"/>
            <a:srcRect/>
            <a:tile tx="0" ty="0" sx="100000" sy="100000" flip="none" algn="b"/>
          </a:blipFill>
        </p:spPr>
        <p:txBody>
          <a:bodyPr lIns="0" tIns="0" rIns="0" bIns="85048" anchor="b" anchorCtr="0">
            <a:normAutofit/>
          </a:bodyPr>
          <a:lstStyle>
            <a:lvl1pPr marL="0" indent="0" algn="ctr" rtl="0">
              <a:buNone/>
              <a:defRPr sz="1500" b="1" cap="all"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9" name="Rectangle 8"/>
          <p:cNvSpPr/>
          <p:nvPr userDrawn="1"/>
        </p:nvSpPr>
        <p:spPr>
          <a:xfrm>
            <a:off x="353609" y="1183202"/>
            <a:ext cx="2706607" cy="3521929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2534" tIns="42534" rIns="42534" bIns="42534" rtlCol="0" anchor="ctr"/>
          <a:lstStyle/>
          <a:p>
            <a:pPr algn="ctr" defTabSz="912760"/>
            <a:endParaRPr lang="en-US" sz="1900" dirty="0" smtClean="0">
              <a:solidFill>
                <a:prstClr val="black"/>
              </a:solidFill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3223469" y="1183202"/>
            <a:ext cx="2706607" cy="3521929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2534" tIns="42534" rIns="42534" bIns="42534" rtlCol="0" anchor="ctr"/>
          <a:lstStyle/>
          <a:p>
            <a:pPr algn="ctr" defTabSz="912760"/>
            <a:endParaRPr lang="en-US" sz="1900" dirty="0" smtClean="0">
              <a:solidFill>
                <a:prstClr val="black"/>
              </a:solidFill>
            </a:endParaRPr>
          </a:p>
        </p:txBody>
      </p:sp>
      <p:sp>
        <p:nvSpPr>
          <p:cNvPr id="12" name="Rectangle 11"/>
          <p:cNvSpPr/>
          <p:nvPr userDrawn="1"/>
        </p:nvSpPr>
        <p:spPr>
          <a:xfrm>
            <a:off x="6093328" y="1183202"/>
            <a:ext cx="2706607" cy="3521929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2534" tIns="42534" rIns="42534" bIns="42534" rtlCol="0" anchor="ctr"/>
          <a:lstStyle/>
          <a:p>
            <a:pPr algn="ctr" defTabSz="912760"/>
            <a:endParaRPr lang="en-US" sz="1900" dirty="0" smtClean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239286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01" y="878263"/>
            <a:ext cx="4016257" cy="304946"/>
          </a:xfrm>
          <a:blipFill dpi="0" rotWithShape="1">
            <a:blip r:embed="rId2" cstate="print"/>
            <a:srcRect/>
            <a:tile tx="0" ty="0" sx="100000" sy="100000" flip="none" algn="b"/>
          </a:blipFill>
        </p:spPr>
        <p:txBody>
          <a:bodyPr lIns="0" tIns="0" rIns="0" bIns="85048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9" name="Table Placeholder 5"/>
          <p:cNvSpPr>
            <a:spLocks noGrp="1"/>
          </p:cNvSpPr>
          <p:nvPr>
            <p:ph type="tbl" sz="quarter" idx="15"/>
          </p:nvPr>
        </p:nvSpPr>
        <p:spPr>
          <a:xfrm>
            <a:off x="355083" y="1183197"/>
            <a:ext cx="4004562" cy="3682781"/>
          </a:xfrm>
          <a:prstGeom prst="rect">
            <a:avLst/>
          </a:prstGeom>
        </p:spPr>
        <p:txBody>
          <a:bodyPr>
            <a:normAutofit/>
          </a:bodyPr>
          <a:lstStyle>
            <a:lvl1pPr marL="252492" indent="-252492" algn="l" defTabSz="91252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smtClean="0"/>
              <a:t>Click icon to add table</a:t>
            </a:r>
            <a:endParaRPr lang="en-US" dirty="0"/>
          </a:p>
        </p:txBody>
      </p:sp>
      <p:sp>
        <p:nvSpPr>
          <p:cNvPr id="10" name="Text Placeholder 6"/>
          <p:cNvSpPr>
            <a:spLocks noGrp="1"/>
          </p:cNvSpPr>
          <p:nvPr>
            <p:ph type="body" sz="quarter" idx="16"/>
          </p:nvPr>
        </p:nvSpPr>
        <p:spPr>
          <a:xfrm>
            <a:off x="4800672" y="878263"/>
            <a:ext cx="4016257" cy="304946"/>
          </a:xfrm>
          <a:blipFill dpi="0" rotWithShape="1">
            <a:blip r:embed="rId2" cstate="print"/>
            <a:srcRect/>
            <a:tile tx="0" ty="0" sx="100000" sy="100000" flip="none" algn="b"/>
          </a:blipFill>
        </p:spPr>
        <p:txBody>
          <a:bodyPr lIns="0" tIns="0" rIns="0" bIns="85048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1" name="Table Placeholder 5"/>
          <p:cNvSpPr>
            <a:spLocks noGrp="1"/>
          </p:cNvSpPr>
          <p:nvPr>
            <p:ph type="tbl" sz="quarter" idx="17"/>
          </p:nvPr>
        </p:nvSpPr>
        <p:spPr>
          <a:xfrm>
            <a:off x="4800654" y="1183197"/>
            <a:ext cx="4004562" cy="3682781"/>
          </a:xfrm>
          <a:prstGeom prst="rect">
            <a:avLst/>
          </a:prstGeom>
        </p:spPr>
        <p:txBody>
          <a:bodyPr>
            <a:normAutofit/>
          </a:bodyPr>
          <a:lstStyle>
            <a:lvl1pPr marL="252492" indent="-252492" algn="l" defTabSz="91252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smtClean="0"/>
              <a:t>Click icon to add tab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26219180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DLZ_Txt/Pi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3" name="Espace réservé du contenu 2"/>
          <p:cNvSpPr>
            <a:spLocks noGrp="1"/>
          </p:cNvSpPr>
          <p:nvPr>
            <p:ph idx="1" hasCustomPrompt="1"/>
          </p:nvPr>
        </p:nvSpPr>
        <p:spPr>
          <a:xfrm>
            <a:off x="457205" y="765572"/>
            <a:ext cx="8229600" cy="3996000"/>
          </a:xfrm>
        </p:spPr>
        <p:txBody>
          <a:bodyPr>
            <a:normAutofit/>
          </a:bodyPr>
          <a:lstStyle>
            <a:lvl1pPr>
              <a:defRPr>
                <a:solidFill>
                  <a:srgbClr val="595959"/>
                </a:solidFill>
              </a:defRPr>
            </a:lvl1pPr>
          </a:lstStyle>
          <a:p>
            <a:pPr lvl="0"/>
            <a:r>
              <a:rPr lang="nl-BE" dirty="0" smtClean="0"/>
              <a:t>Click to modify text</a:t>
            </a:r>
          </a:p>
          <a:p>
            <a:pPr lvl="1"/>
            <a:r>
              <a:rPr lang="nl-BE" dirty="0" smtClean="0"/>
              <a:t>Second level</a:t>
            </a:r>
          </a:p>
          <a:p>
            <a:pPr lvl="2"/>
            <a:r>
              <a:rPr lang="nl-BE" dirty="0" smtClean="0"/>
              <a:t>Third level</a:t>
            </a:r>
          </a:p>
          <a:p>
            <a:pPr lvl="3"/>
            <a:r>
              <a:rPr lang="nl-BE" dirty="0" smtClean="0"/>
              <a:t>Fourth level</a:t>
            </a:r>
          </a:p>
          <a:p>
            <a:pPr lvl="4"/>
            <a:r>
              <a:rPr lang="nl-BE" dirty="0" smtClean="0"/>
              <a:t>Fifth level</a:t>
            </a:r>
            <a:endParaRPr lang="fr-FR" dirty="0"/>
          </a:p>
        </p:txBody>
      </p:sp>
      <p:sp>
        <p:nvSpPr>
          <p:cNvPr id="4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fr-FR" dirty="0"/>
              <a:t>|</a:t>
            </a:r>
            <a:r>
              <a:rPr lang="fr-FR" dirty="0">
                <a:solidFill>
                  <a:srgbClr val="898989"/>
                </a:solidFill>
              </a:rPr>
              <a:t> </a:t>
            </a:r>
            <a:r>
              <a:rPr lang="en-US" dirty="0">
                <a:solidFill>
                  <a:srgbClr val="898989"/>
                </a:solidFill>
              </a:rPr>
              <a:t> </a:t>
            </a:r>
            <a:fld id="{79AA2A7C-E190-A748-A14F-A773FF769E66}" type="slidenum">
              <a:rPr lang="en-US">
                <a:solidFill>
                  <a:srgbClr val="898989"/>
                </a:solidFill>
              </a:rPr>
              <a:pPr>
                <a:defRPr/>
              </a:pPr>
              <a:t>‹#›</a:t>
            </a:fld>
            <a:endParaRPr lang="fr-FR" dirty="0">
              <a:solidFill>
                <a:srgbClr val="898989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90415696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4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 Placeholder 9"/>
          <p:cNvSpPr>
            <a:spLocks noGrp="1"/>
          </p:cNvSpPr>
          <p:nvPr>
            <p:ph type="body" sz="quarter" idx="10"/>
          </p:nvPr>
        </p:nvSpPr>
        <p:spPr>
          <a:xfrm>
            <a:off x="-36855" y="0"/>
            <a:ext cx="8303065" cy="285750"/>
          </a:xfrm>
        </p:spPr>
        <p:txBody>
          <a:bodyPr>
            <a:noAutofit/>
          </a:bodyPr>
          <a:lstStyle>
            <a:lvl1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buNone/>
              <a:defRPr lang="en-US" sz="2000" b="1" kern="1200" dirty="0" smtClean="0">
                <a:solidFill>
                  <a:schemeClr val="bg1"/>
                </a:solidFill>
                <a:latin typeface="DJB CHALK IT UP" pitchFamily="2" charset="0"/>
                <a:ea typeface="Verdana" pitchFamily="34" charset="0"/>
                <a:cs typeface="Verdana" pitchFamily="34" charset="0"/>
              </a:defRPr>
            </a:lvl1pPr>
            <a:lvl2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2pPr>
            <a:lvl3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3pPr>
            <a:lvl4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4pPr>
            <a:lvl5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68510560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u și conțin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64126444"/>
      </p:ext>
    </p:extLst>
  </p:cSld>
  <p:clrMapOvr>
    <a:masterClrMapping/>
  </p:clrMapOvr>
  <p:transition spd="med"/>
  <p:timing>
    <p:tnLst>
      <p:par>
        <p:cTn id="1" dur="indefinite" restart="never" nodeType="tmRoot"/>
      </p:par>
    </p:tnLst>
  </p:timing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 userDrawn="1"/>
        </p:nvSpPr>
        <p:spPr>
          <a:xfrm>
            <a:off x="457200" y="4805362"/>
            <a:ext cx="8458200" cy="215504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pic>
        <p:nvPicPr>
          <p:cNvPr id="3" name="Image 7" descr="DLZGroup_cmyk-01.png"/>
          <p:cNvPicPr>
            <a:picLocks noChangeAspect="1"/>
          </p:cNvPicPr>
          <p:nvPr userDrawn="1"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003430" y="2432452"/>
            <a:ext cx="5137150" cy="4822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A8FC003F-F778-444D-AB0F-F9CED41682B0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4276009072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DLZ_Txt/Pi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3" name="Espace réservé du contenu 2"/>
          <p:cNvSpPr>
            <a:spLocks noGrp="1"/>
          </p:cNvSpPr>
          <p:nvPr>
            <p:ph idx="1" hasCustomPrompt="1"/>
          </p:nvPr>
        </p:nvSpPr>
        <p:spPr>
          <a:xfrm>
            <a:off x="457205" y="765572"/>
            <a:ext cx="8229600" cy="3996000"/>
          </a:xfrm>
        </p:spPr>
        <p:txBody>
          <a:bodyPr>
            <a:normAutofit/>
          </a:bodyPr>
          <a:lstStyle>
            <a:lvl1pPr>
              <a:defRPr>
                <a:solidFill>
                  <a:srgbClr val="595959"/>
                </a:solidFill>
              </a:defRPr>
            </a:lvl1pPr>
          </a:lstStyle>
          <a:p>
            <a:pPr lvl="0"/>
            <a:r>
              <a:rPr lang="nl-BE" dirty="0" smtClean="0"/>
              <a:t>Click to modify text</a:t>
            </a:r>
          </a:p>
          <a:p>
            <a:pPr lvl="1"/>
            <a:r>
              <a:rPr lang="nl-BE" dirty="0" smtClean="0"/>
              <a:t>Second level</a:t>
            </a:r>
          </a:p>
          <a:p>
            <a:pPr lvl="2"/>
            <a:r>
              <a:rPr lang="nl-BE" dirty="0" smtClean="0"/>
              <a:t>Third level</a:t>
            </a:r>
          </a:p>
          <a:p>
            <a:pPr lvl="3"/>
            <a:r>
              <a:rPr lang="nl-BE" dirty="0" smtClean="0"/>
              <a:t>Fourth level</a:t>
            </a:r>
          </a:p>
          <a:p>
            <a:pPr lvl="4"/>
            <a:r>
              <a:rPr lang="nl-BE" dirty="0" smtClean="0"/>
              <a:t>Fifth level</a:t>
            </a:r>
            <a:endParaRPr lang="fr-FR" dirty="0"/>
          </a:p>
        </p:txBody>
      </p:sp>
      <p:sp>
        <p:nvSpPr>
          <p:cNvPr id="4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fr-FR" dirty="0"/>
              <a:t>|</a:t>
            </a:r>
            <a:r>
              <a:rPr lang="fr-FR" dirty="0">
                <a:solidFill>
                  <a:srgbClr val="898989"/>
                </a:solidFill>
              </a:rPr>
              <a:t> </a:t>
            </a:r>
            <a:r>
              <a:rPr lang="en-US" dirty="0">
                <a:solidFill>
                  <a:srgbClr val="898989"/>
                </a:solidFill>
              </a:rPr>
              <a:t> </a:t>
            </a:r>
            <a:fld id="{79AA2A7C-E190-A748-A14F-A773FF769E66}" type="slidenum">
              <a:rPr lang="en-US">
                <a:solidFill>
                  <a:srgbClr val="898989"/>
                </a:solidFill>
              </a:rPr>
              <a:pPr>
                <a:defRPr/>
              </a:pPr>
              <a:t>‹#›</a:t>
            </a:fld>
            <a:endParaRPr lang="fr-FR" dirty="0">
              <a:solidFill>
                <a:srgbClr val="898989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1821951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age 7" descr="DLZGroup_cmyk-01.png"/>
          <p:cNvPicPr>
            <a:picLocks noChangeAspect="1"/>
          </p:cNvPicPr>
          <p:nvPr userDrawn="1"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24208" y="228605"/>
            <a:ext cx="2720975" cy="2559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963E48A4-118C-BC41-BD39-9BA05A17FA8E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  <p:sp>
        <p:nvSpPr>
          <p:cNvPr id="5" name="Espace réservé pour une image  5"/>
          <p:cNvSpPr>
            <a:spLocks noGrp="1"/>
          </p:cNvSpPr>
          <p:nvPr>
            <p:ph type="pic" sz="quarter" idx="12" hasCustomPrompt="1"/>
          </p:nvPr>
        </p:nvSpPr>
        <p:spPr>
          <a:xfrm>
            <a:off x="457205" y="771525"/>
            <a:ext cx="8229600" cy="3982500"/>
          </a:xfrm>
        </p:spPr>
        <p:txBody>
          <a:bodyPr/>
          <a:lstStyle>
            <a:lvl1pPr>
              <a:defRPr baseline="0"/>
            </a:lvl1pPr>
          </a:lstStyle>
          <a:p>
            <a:pPr lvl="0"/>
            <a:r>
              <a:rPr lang="fr-FR" noProof="0" dirty="0" smtClean="0"/>
              <a:t>Click to insert image</a:t>
            </a:r>
            <a:endParaRPr lang="fr-FR" noProof="0" dirty="0"/>
          </a:p>
        </p:txBody>
      </p:sp>
    </p:spTree>
    <p:extLst>
      <p:ext uri="{BB962C8B-B14F-4D97-AF65-F5344CB8AC3E}">
        <p14:creationId xmlns:p14="http://schemas.microsoft.com/office/powerpoint/2010/main" val="90419690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Pic+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Espace réservé pour une image  5"/>
          <p:cNvSpPr>
            <a:spLocks noGrp="1"/>
          </p:cNvSpPr>
          <p:nvPr>
            <p:ph type="pic" sz="quarter" idx="12" hasCustomPrompt="1"/>
          </p:nvPr>
        </p:nvSpPr>
        <p:spPr>
          <a:xfrm>
            <a:off x="457205" y="771525"/>
            <a:ext cx="8229600" cy="3982500"/>
          </a:xfrm>
        </p:spPr>
        <p:txBody>
          <a:bodyPr/>
          <a:lstStyle>
            <a:lvl1pPr marL="342730" marR="0" indent="-342730" algn="l" defTabSz="456972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rgbClr val="F79646"/>
              </a:buClr>
              <a:buSzTx/>
              <a:buFont typeface="Arial" pitchFamily="-65" charset="0"/>
              <a:buNone/>
              <a:tabLst/>
              <a:defRPr/>
            </a:lvl1pPr>
          </a:lstStyle>
          <a:p>
            <a:pPr marL="342730" marR="0" lvl="0" indent="-342730" algn="l" defTabSz="456972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rgbClr val="F79646"/>
              </a:buClr>
              <a:buSzTx/>
              <a:buFont typeface="Arial" pitchFamily="-65" charset="0"/>
              <a:buChar char="•"/>
              <a:tabLst/>
              <a:defRPr/>
            </a:pPr>
            <a:r>
              <a:rPr lang="fr-FR" noProof="0" dirty="0" smtClean="0"/>
              <a:t>Click to insert image</a:t>
            </a: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>
          <a:xfrm>
            <a:off x="722313" y="1943105"/>
            <a:ext cx="7772400" cy="628651"/>
          </a:xfrm>
        </p:spPr>
        <p:txBody>
          <a:bodyPr anchor="t">
            <a:normAutofit/>
          </a:bodyPr>
          <a:lstStyle>
            <a:lvl1pPr algn="ctr">
              <a:defRPr sz="4000" b="1" cap="none" baseline="0">
                <a:solidFill>
                  <a:schemeClr val="bg1"/>
                </a:solidFill>
                <a:effectLst>
                  <a:outerShdw blurRad="53975" dist="50800" dir="2700000" algn="tl" rotWithShape="0">
                    <a:schemeClr val="tx1">
                      <a:alpha val="49000"/>
                    </a:schemeClr>
                  </a:outerShdw>
                </a:effectLst>
                <a:latin typeface="Arial"/>
                <a:cs typeface="Arial"/>
              </a:defRPr>
            </a:lvl1pPr>
          </a:lstStyle>
          <a:p>
            <a:r>
              <a:rPr lang="nl-BE" dirty="0" smtClean="0"/>
              <a:t>Click &amp; modify the title</a:t>
            </a:r>
            <a:endParaRPr lang="fr-FR" dirty="0"/>
          </a:p>
        </p:txBody>
      </p:sp>
      <p:sp>
        <p:nvSpPr>
          <p:cNvPr id="4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fr-FR" dirty="0"/>
              <a:t>|</a:t>
            </a:r>
            <a:r>
              <a:rPr lang="fr-FR" dirty="0">
                <a:solidFill>
                  <a:srgbClr val="898989"/>
                </a:solidFill>
              </a:rPr>
              <a:t> </a:t>
            </a:r>
            <a:r>
              <a:rPr lang="en-US" dirty="0">
                <a:solidFill>
                  <a:srgbClr val="898989"/>
                </a:solidFill>
              </a:rPr>
              <a:t> </a:t>
            </a:r>
            <a:fld id="{FBA50A79-3AEB-6D40-9AEE-BA200C739D88}" type="slidenum">
              <a:rPr lang="en-US">
                <a:solidFill>
                  <a:srgbClr val="898989"/>
                </a:solidFill>
              </a:rPr>
              <a:pPr>
                <a:defRPr/>
              </a:pPr>
              <a:t>‹#›</a:t>
            </a:fld>
            <a:endParaRPr lang="fr-FR" dirty="0">
              <a:solidFill>
                <a:srgbClr val="898989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9376515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DLZ_Txt/Pi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3" name="Espace réservé du contenu 2"/>
          <p:cNvSpPr>
            <a:spLocks noGrp="1"/>
          </p:cNvSpPr>
          <p:nvPr>
            <p:ph idx="1" hasCustomPrompt="1"/>
          </p:nvPr>
        </p:nvSpPr>
        <p:spPr>
          <a:xfrm>
            <a:off x="457205" y="765572"/>
            <a:ext cx="8229600" cy="3996000"/>
          </a:xfrm>
        </p:spPr>
        <p:txBody>
          <a:bodyPr>
            <a:normAutofit/>
          </a:bodyPr>
          <a:lstStyle/>
          <a:p>
            <a:pPr lvl="0"/>
            <a:r>
              <a:rPr lang="nl-BE" dirty="0" smtClean="0"/>
              <a:t>Click to modify text</a:t>
            </a:r>
          </a:p>
          <a:p>
            <a:pPr lvl="1"/>
            <a:r>
              <a:rPr lang="nl-BE" dirty="0" smtClean="0"/>
              <a:t>Second level</a:t>
            </a:r>
          </a:p>
          <a:p>
            <a:pPr lvl="2"/>
            <a:r>
              <a:rPr lang="nl-BE" dirty="0" smtClean="0"/>
              <a:t>Third level</a:t>
            </a:r>
          </a:p>
          <a:p>
            <a:pPr lvl="3"/>
            <a:r>
              <a:rPr lang="nl-BE" dirty="0" smtClean="0"/>
              <a:t>Fourth level</a:t>
            </a:r>
          </a:p>
          <a:p>
            <a:pPr lvl="4"/>
            <a:r>
              <a:rPr lang="nl-BE" dirty="0" smtClean="0"/>
              <a:t>Fifth level</a:t>
            </a:r>
            <a:endParaRPr lang="fr-FR" dirty="0"/>
          </a:p>
        </p:txBody>
      </p:sp>
      <p:sp>
        <p:nvSpPr>
          <p:cNvPr id="4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fr-FR" dirty="0"/>
              <a:t>|</a:t>
            </a:r>
            <a:r>
              <a:rPr lang="fr-FR" dirty="0">
                <a:solidFill>
                  <a:srgbClr val="898989"/>
                </a:solidFill>
              </a:rPr>
              <a:t> </a:t>
            </a:r>
            <a:r>
              <a:rPr lang="en-US" dirty="0">
                <a:solidFill>
                  <a:srgbClr val="898989"/>
                </a:solidFill>
              </a:rPr>
              <a:t> </a:t>
            </a:r>
            <a:fld id="{79AA2A7C-E190-A748-A14F-A773FF769E66}" type="slidenum">
              <a:rPr lang="en-US">
                <a:solidFill>
                  <a:srgbClr val="898989"/>
                </a:solidFill>
              </a:rPr>
              <a:pPr>
                <a:defRPr/>
              </a:pPr>
              <a:t>‹#›</a:t>
            </a:fld>
            <a:endParaRPr lang="fr-FR" dirty="0">
              <a:solidFill>
                <a:srgbClr val="898989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08011713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hapter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457205" y="765577"/>
            <a:ext cx="8229600" cy="3982640"/>
          </a:xfrm>
          <a:prstGeom prst="rect">
            <a:avLst/>
          </a:prstGeom>
          <a:solidFill>
            <a:srgbClr val="B7CF28"/>
          </a:solidFill>
          <a:ln>
            <a:solidFill>
              <a:srgbClr val="B7CF28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baseline="-25000" dirty="0">
              <a:solidFill>
                <a:prstClr val="white"/>
              </a:solidFill>
            </a:endParaRP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7" name="Espace réservé du texte 6"/>
          <p:cNvSpPr>
            <a:spLocks noGrp="1"/>
          </p:cNvSpPr>
          <p:nvPr>
            <p:ph type="body" sz="quarter" idx="12" hasCustomPrompt="1"/>
          </p:nvPr>
        </p:nvSpPr>
        <p:spPr>
          <a:xfrm>
            <a:off x="990600" y="1657350"/>
            <a:ext cx="7315200" cy="2228850"/>
          </a:xfrm>
        </p:spPr>
        <p:txBody>
          <a:bodyPr anchor="ctr">
            <a:noAutofit/>
          </a:bodyPr>
          <a:lstStyle>
            <a:lvl1pPr algn="ctr">
              <a:buNone/>
              <a:defRPr sz="40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AD0AC3D3-8130-974B-BACF-A22EE5790390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4256070644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hapter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457205" y="771526"/>
            <a:ext cx="8229600" cy="3982641"/>
          </a:xfrm>
          <a:prstGeom prst="rect">
            <a:avLst/>
          </a:prstGeom>
          <a:solidFill>
            <a:srgbClr val="00A4D5"/>
          </a:solidFill>
          <a:ln>
            <a:solidFill>
              <a:srgbClr val="00A4D5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baseline="-25000" dirty="0">
              <a:solidFill>
                <a:prstClr val="white"/>
              </a:solidFill>
            </a:endParaRP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6" name="Espace réservé du texte 6"/>
          <p:cNvSpPr>
            <a:spLocks noGrp="1"/>
          </p:cNvSpPr>
          <p:nvPr>
            <p:ph type="body" sz="quarter" idx="12" hasCustomPrompt="1"/>
          </p:nvPr>
        </p:nvSpPr>
        <p:spPr>
          <a:xfrm>
            <a:off x="990600" y="1657350"/>
            <a:ext cx="7315200" cy="2228850"/>
          </a:xfrm>
        </p:spPr>
        <p:txBody>
          <a:bodyPr anchor="ctr">
            <a:noAutofit/>
          </a:bodyPr>
          <a:lstStyle>
            <a:lvl1pPr algn="ctr">
              <a:buNone/>
              <a:defRPr sz="40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948D139C-AC43-1F49-98C1-C7ECCF8C739B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776246635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hapter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457205" y="771526"/>
            <a:ext cx="8229600" cy="3982641"/>
          </a:xfrm>
          <a:prstGeom prst="rect">
            <a:avLst/>
          </a:prstGeom>
          <a:solidFill>
            <a:srgbClr val="8B387B"/>
          </a:solidFill>
          <a:ln>
            <a:solidFill>
              <a:srgbClr val="8B387B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baseline="-25000" dirty="0">
              <a:solidFill>
                <a:prstClr val="white"/>
              </a:solidFill>
            </a:endParaRP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6" name="Espace réservé du texte 6"/>
          <p:cNvSpPr>
            <a:spLocks noGrp="1"/>
          </p:cNvSpPr>
          <p:nvPr>
            <p:ph type="body" sz="quarter" idx="12" hasCustomPrompt="1"/>
          </p:nvPr>
        </p:nvSpPr>
        <p:spPr>
          <a:xfrm>
            <a:off x="990600" y="1657350"/>
            <a:ext cx="7315200" cy="2228850"/>
          </a:xfrm>
        </p:spPr>
        <p:txBody>
          <a:bodyPr anchor="ctr">
            <a:noAutofit/>
          </a:bodyPr>
          <a:lstStyle>
            <a:lvl1pPr algn="ctr">
              <a:buNone/>
              <a:defRPr sz="40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22E82B6F-8985-9C44-A2E7-05D60548F368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291433415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Image 7" descr="DLZGroup_cmyk-01.png"/>
          <p:cNvPicPr>
            <a:picLocks noChangeAspect="1"/>
          </p:cNvPicPr>
          <p:nvPr userDrawn="1"/>
        </p:nvPicPr>
        <p:blipFill>
          <a:blip r:embed="rId2"/>
          <a:srcRect/>
          <a:stretch>
            <a:fillRect/>
          </a:stretch>
        </p:blipFill>
        <p:spPr bwMode="auto">
          <a:xfrm>
            <a:off x="3124208" y="228605"/>
            <a:ext cx="2720975" cy="2559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963E48A4-118C-BC41-BD39-9BA05A17FA8E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  <p:sp>
        <p:nvSpPr>
          <p:cNvPr id="5" name="Espace réservé pour une image  5"/>
          <p:cNvSpPr>
            <a:spLocks noGrp="1"/>
          </p:cNvSpPr>
          <p:nvPr>
            <p:ph type="pic" sz="quarter" idx="12" hasCustomPrompt="1"/>
          </p:nvPr>
        </p:nvSpPr>
        <p:spPr>
          <a:xfrm>
            <a:off x="457205" y="771525"/>
            <a:ext cx="8229600" cy="3982500"/>
          </a:xfrm>
        </p:spPr>
        <p:txBody>
          <a:bodyPr/>
          <a:lstStyle>
            <a:lvl1pPr>
              <a:defRPr baseline="0"/>
            </a:lvl1pPr>
          </a:lstStyle>
          <a:p>
            <a:pPr lvl="0"/>
            <a:r>
              <a:rPr lang="fr-FR" noProof="0" dirty="0" smtClean="0"/>
              <a:t>Click to insert image</a:t>
            </a:r>
            <a:endParaRPr lang="fr-FR" noProof="0" dirty="0"/>
          </a:p>
        </p:txBody>
      </p:sp>
    </p:spTree>
    <p:extLst>
      <p:ext uri="{BB962C8B-B14F-4D97-AF65-F5344CB8AC3E}">
        <p14:creationId xmlns:p14="http://schemas.microsoft.com/office/powerpoint/2010/main" val="439155429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hapter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457205" y="771526"/>
            <a:ext cx="8229600" cy="3982641"/>
          </a:xfrm>
          <a:prstGeom prst="rect">
            <a:avLst/>
          </a:prstGeom>
          <a:solidFill>
            <a:srgbClr val="D63668"/>
          </a:solidFill>
          <a:ln>
            <a:solidFill>
              <a:srgbClr val="D63668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baseline="-25000" dirty="0">
              <a:solidFill>
                <a:prstClr val="white"/>
              </a:solidFill>
            </a:endParaRP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6" name="Espace réservé du texte 6"/>
          <p:cNvSpPr>
            <a:spLocks noGrp="1"/>
          </p:cNvSpPr>
          <p:nvPr>
            <p:ph type="body" sz="quarter" idx="12" hasCustomPrompt="1"/>
          </p:nvPr>
        </p:nvSpPr>
        <p:spPr>
          <a:xfrm>
            <a:off x="990600" y="1657350"/>
            <a:ext cx="7315200" cy="2228850"/>
          </a:xfrm>
        </p:spPr>
        <p:txBody>
          <a:bodyPr anchor="ctr">
            <a:noAutofit/>
          </a:bodyPr>
          <a:lstStyle>
            <a:lvl1pPr algn="ctr">
              <a:buNone/>
              <a:defRPr sz="40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FCB7C37C-D566-0F48-876E-30B0452C845C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477771108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hapter5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457205" y="771526"/>
            <a:ext cx="8229600" cy="3982641"/>
          </a:xfrm>
          <a:prstGeom prst="rect">
            <a:avLst/>
          </a:prstGeom>
          <a:solidFill>
            <a:srgbClr val="E86A37"/>
          </a:solidFill>
          <a:ln>
            <a:solidFill>
              <a:srgbClr val="E86A37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baseline="-25000" dirty="0">
              <a:solidFill>
                <a:prstClr val="white"/>
              </a:solidFill>
            </a:endParaRP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6" name="Espace réservé du texte 6"/>
          <p:cNvSpPr>
            <a:spLocks noGrp="1"/>
          </p:cNvSpPr>
          <p:nvPr>
            <p:ph type="body" sz="quarter" idx="12" hasCustomPrompt="1"/>
          </p:nvPr>
        </p:nvSpPr>
        <p:spPr>
          <a:xfrm>
            <a:off x="990600" y="1657350"/>
            <a:ext cx="7315200" cy="2228850"/>
          </a:xfrm>
        </p:spPr>
        <p:txBody>
          <a:bodyPr anchor="ctr">
            <a:noAutofit/>
          </a:bodyPr>
          <a:lstStyle>
            <a:lvl1pPr algn="ctr">
              <a:buNone/>
              <a:defRPr sz="40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CB1568C8-1197-B645-8A45-1C53FA570213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415363410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LZ_2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3" name="Espace réservé du contenu 2"/>
          <p:cNvSpPr>
            <a:spLocks noGrp="1"/>
          </p:cNvSpPr>
          <p:nvPr>
            <p:ph sz="half" idx="1" hasCustomPrompt="1"/>
          </p:nvPr>
        </p:nvSpPr>
        <p:spPr>
          <a:xfrm>
            <a:off x="457200" y="1200151"/>
            <a:ext cx="4038600" cy="3394472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nl-BE" dirty="0" smtClean="0"/>
              <a:t>Click to modify text</a:t>
            </a:r>
          </a:p>
          <a:p>
            <a:pPr lvl="1"/>
            <a:r>
              <a:rPr lang="nl-BE" dirty="0" smtClean="0"/>
              <a:t>Second level</a:t>
            </a:r>
          </a:p>
          <a:p>
            <a:pPr lvl="2"/>
            <a:r>
              <a:rPr lang="nl-BE" dirty="0" smtClean="0"/>
              <a:t>Third level</a:t>
            </a:r>
          </a:p>
          <a:p>
            <a:pPr lvl="3"/>
            <a:r>
              <a:rPr lang="nl-BE" dirty="0" smtClean="0"/>
              <a:t>Fourth level</a:t>
            </a:r>
          </a:p>
          <a:p>
            <a:pPr lvl="4"/>
            <a:r>
              <a:rPr lang="nl-BE" dirty="0" smtClean="0"/>
              <a:t>Fifth level</a:t>
            </a:r>
            <a:endParaRPr lang="fr-FR" dirty="0"/>
          </a:p>
        </p:txBody>
      </p:sp>
      <p:sp>
        <p:nvSpPr>
          <p:cNvPr id="4" name="Espace réservé du contenu 3"/>
          <p:cNvSpPr>
            <a:spLocks noGrp="1"/>
          </p:cNvSpPr>
          <p:nvPr>
            <p:ph sz="half" idx="2" hasCustomPrompt="1"/>
          </p:nvPr>
        </p:nvSpPr>
        <p:spPr>
          <a:xfrm>
            <a:off x="4648205" y="1200151"/>
            <a:ext cx="4038600" cy="3394472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nl-BE" dirty="0" smtClean="0"/>
              <a:t>Cliquez pour modifier les sty les du texte du masque</a:t>
            </a:r>
          </a:p>
          <a:p>
            <a:pPr lvl="1"/>
            <a:r>
              <a:rPr lang="nl-BE" dirty="0" smtClean="0"/>
              <a:t>Deuxième niveau</a:t>
            </a:r>
          </a:p>
          <a:p>
            <a:pPr lvl="2"/>
            <a:r>
              <a:rPr lang="nl-BE" dirty="0" smtClean="0"/>
              <a:t>Troisième niveau</a:t>
            </a:r>
          </a:p>
          <a:p>
            <a:pPr lvl="3"/>
            <a:r>
              <a:rPr lang="nl-BE" dirty="0" smtClean="0"/>
              <a:t>Quatrième niveau</a:t>
            </a:r>
          </a:p>
          <a:p>
            <a:pPr lvl="4"/>
            <a:r>
              <a:rPr lang="nl-BE" dirty="0" smtClean="0"/>
              <a:t>Cinquième niveau</a:t>
            </a:r>
            <a:endParaRPr lang="fr-FR" dirty="0"/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fr-FR" dirty="0"/>
              <a:t>|</a:t>
            </a:r>
            <a:r>
              <a:rPr lang="fr-FR" dirty="0">
                <a:solidFill>
                  <a:srgbClr val="898989"/>
                </a:solidFill>
              </a:rPr>
              <a:t> </a:t>
            </a:r>
            <a:r>
              <a:rPr lang="en-US" dirty="0">
                <a:solidFill>
                  <a:srgbClr val="898989"/>
                </a:solidFill>
              </a:rPr>
              <a:t> </a:t>
            </a:r>
            <a:fld id="{B7107EB7-0F8B-5445-A4D1-69B7FB1CC606}" type="slidenum">
              <a:rPr lang="en-US">
                <a:solidFill>
                  <a:srgbClr val="898989"/>
                </a:solidFill>
              </a:rPr>
              <a:pPr>
                <a:defRPr/>
              </a:pPr>
              <a:t>‹#›</a:t>
            </a:fld>
            <a:endParaRPr lang="fr-FR" dirty="0">
              <a:solidFill>
                <a:srgbClr val="898989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68260344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DLZ_2contents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3" name="Espace réservé du texte 2"/>
          <p:cNvSpPr>
            <a:spLocks noGrp="1"/>
          </p:cNvSpPr>
          <p:nvPr>
            <p:ph type="body" idx="1" hasCustomPrompt="1"/>
          </p:nvPr>
        </p:nvSpPr>
        <p:spPr>
          <a:xfrm>
            <a:off x="457200" y="1151335"/>
            <a:ext cx="4040188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972" indent="0">
              <a:buNone/>
              <a:defRPr sz="2000" b="1"/>
            </a:lvl2pPr>
            <a:lvl3pPr marL="913945" indent="0">
              <a:buNone/>
              <a:defRPr sz="1800" b="1"/>
            </a:lvl3pPr>
            <a:lvl4pPr marL="1370915" indent="0">
              <a:buNone/>
              <a:defRPr sz="1600" b="1"/>
            </a:lvl4pPr>
            <a:lvl5pPr marL="1827890" indent="0">
              <a:buNone/>
              <a:defRPr sz="1600" b="1"/>
            </a:lvl5pPr>
            <a:lvl6pPr marL="2284863" indent="0">
              <a:buNone/>
              <a:defRPr sz="1600" b="1"/>
            </a:lvl6pPr>
            <a:lvl7pPr marL="2741835" indent="0">
              <a:buNone/>
              <a:defRPr sz="1600" b="1"/>
            </a:lvl7pPr>
            <a:lvl8pPr marL="3198807" indent="0">
              <a:buNone/>
              <a:defRPr sz="1600" b="1"/>
            </a:lvl8pPr>
            <a:lvl9pPr marL="3655780" indent="0">
              <a:buNone/>
              <a:defRPr sz="1600" b="1"/>
            </a:lvl9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4" name="Espace réservé du contenu 3"/>
          <p:cNvSpPr>
            <a:spLocks noGrp="1"/>
          </p:cNvSpPr>
          <p:nvPr>
            <p:ph sz="half" idx="2"/>
          </p:nvPr>
        </p:nvSpPr>
        <p:spPr>
          <a:xfrm>
            <a:off x="457200" y="1631156"/>
            <a:ext cx="4040188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nl-BE" smtClean="0"/>
              <a:t>Cliquez pour modifier les styles du texte du masque</a:t>
            </a:r>
          </a:p>
          <a:p>
            <a:pPr lvl="1"/>
            <a:r>
              <a:rPr lang="nl-BE" smtClean="0"/>
              <a:t>Deuxième niveau</a:t>
            </a:r>
          </a:p>
          <a:p>
            <a:pPr lvl="2"/>
            <a:r>
              <a:rPr lang="nl-BE" smtClean="0"/>
              <a:t>Troisième niveau</a:t>
            </a:r>
          </a:p>
          <a:p>
            <a:pPr lvl="3"/>
            <a:r>
              <a:rPr lang="nl-BE" smtClean="0"/>
              <a:t>Quatrième niveau</a:t>
            </a:r>
          </a:p>
          <a:p>
            <a:pPr lvl="4"/>
            <a:r>
              <a:rPr lang="nl-BE" smtClean="0"/>
              <a:t>Cinquième niveau</a:t>
            </a:r>
            <a:endParaRPr lang="fr-FR"/>
          </a:p>
        </p:txBody>
      </p:sp>
      <p:sp>
        <p:nvSpPr>
          <p:cNvPr id="5" name="Espace réservé du texte 4"/>
          <p:cNvSpPr>
            <a:spLocks noGrp="1"/>
          </p:cNvSpPr>
          <p:nvPr>
            <p:ph type="body" sz="quarter" idx="3" hasCustomPrompt="1"/>
          </p:nvPr>
        </p:nvSpPr>
        <p:spPr>
          <a:xfrm>
            <a:off x="4645033" y="1151335"/>
            <a:ext cx="4041775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6972" indent="0">
              <a:buNone/>
              <a:defRPr sz="2000" b="1"/>
            </a:lvl2pPr>
            <a:lvl3pPr marL="913945" indent="0">
              <a:buNone/>
              <a:defRPr sz="1800" b="1"/>
            </a:lvl3pPr>
            <a:lvl4pPr marL="1370915" indent="0">
              <a:buNone/>
              <a:defRPr sz="1600" b="1"/>
            </a:lvl4pPr>
            <a:lvl5pPr marL="1827890" indent="0">
              <a:buNone/>
              <a:defRPr sz="1600" b="1"/>
            </a:lvl5pPr>
            <a:lvl6pPr marL="2284863" indent="0">
              <a:buNone/>
              <a:defRPr sz="1600" b="1"/>
            </a:lvl6pPr>
            <a:lvl7pPr marL="2741835" indent="0">
              <a:buNone/>
              <a:defRPr sz="1600" b="1"/>
            </a:lvl7pPr>
            <a:lvl8pPr marL="3198807" indent="0">
              <a:buNone/>
              <a:defRPr sz="1600" b="1"/>
            </a:lvl8pPr>
            <a:lvl9pPr marL="3655780" indent="0">
              <a:buNone/>
              <a:defRPr sz="1600" b="1"/>
            </a:lvl9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6" name="Espace réservé du contenu 5"/>
          <p:cNvSpPr>
            <a:spLocks noGrp="1"/>
          </p:cNvSpPr>
          <p:nvPr>
            <p:ph sz="quarter" idx="4"/>
          </p:nvPr>
        </p:nvSpPr>
        <p:spPr>
          <a:xfrm>
            <a:off x="4645033" y="1631156"/>
            <a:ext cx="4041775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nl-BE" smtClean="0"/>
              <a:t>Cliquez pour modifier les styles du texte du masque</a:t>
            </a:r>
          </a:p>
          <a:p>
            <a:pPr lvl="1"/>
            <a:r>
              <a:rPr lang="nl-BE" smtClean="0"/>
              <a:t>Deuxième niveau</a:t>
            </a:r>
          </a:p>
          <a:p>
            <a:pPr lvl="2"/>
            <a:r>
              <a:rPr lang="nl-BE" smtClean="0"/>
              <a:t>Troisième niveau</a:t>
            </a:r>
          </a:p>
          <a:p>
            <a:pPr lvl="3"/>
            <a:r>
              <a:rPr lang="nl-BE" smtClean="0"/>
              <a:t>Quatrième niveau</a:t>
            </a:r>
          </a:p>
          <a:p>
            <a:pPr lvl="4"/>
            <a:r>
              <a:rPr lang="nl-BE" smtClean="0"/>
              <a:t>Cinquième niveau</a:t>
            </a:r>
            <a:endParaRPr lang="fr-FR"/>
          </a:p>
        </p:txBody>
      </p:sp>
      <p:sp>
        <p:nvSpPr>
          <p:cNvPr id="7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fr-FR" dirty="0"/>
              <a:t>|</a:t>
            </a:r>
            <a:r>
              <a:rPr lang="fr-FR" dirty="0">
                <a:solidFill>
                  <a:srgbClr val="898989"/>
                </a:solidFill>
              </a:rPr>
              <a:t> </a:t>
            </a:r>
            <a:r>
              <a:rPr lang="en-US" dirty="0">
                <a:solidFill>
                  <a:srgbClr val="898989"/>
                </a:solidFill>
              </a:rPr>
              <a:t> </a:t>
            </a:r>
            <a:fld id="{5406199C-CB4C-2742-BB3A-BC07ECAAEFD3}" type="slidenum">
              <a:rPr lang="en-US">
                <a:solidFill>
                  <a:srgbClr val="898989"/>
                </a:solidFill>
              </a:rPr>
              <a:pPr>
                <a:defRPr/>
              </a:pPr>
              <a:t>‹#›</a:t>
            </a:fld>
            <a:endParaRPr lang="fr-FR" dirty="0">
              <a:solidFill>
                <a:srgbClr val="898989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74754874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 15" descr="mots.png"/>
          <p:cNvPicPr>
            <a:picLocks noChangeAspect="1"/>
          </p:cNvPicPr>
          <p:nvPr userDrawn="1"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0230" y="335757"/>
            <a:ext cx="8083550" cy="2357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" name="Image 10" descr="ThankYou.png"/>
          <p:cNvPicPr>
            <a:picLocks noChangeAspect="1"/>
          </p:cNvPicPr>
          <p:nvPr userDrawn="1"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335096" y="2114551"/>
            <a:ext cx="6473825" cy="1128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D163AC61-EB4B-AC43-A899-178E57A80DB5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724436959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ce réservé du numéro de diapositive 5"/>
          <p:cNvSpPr>
            <a:spLocks noGrp="1"/>
          </p:cNvSpPr>
          <p:nvPr>
            <p:ph type="sldNum" sz="quarter" idx="4"/>
          </p:nvPr>
        </p:nvSpPr>
        <p:spPr>
          <a:xfrm>
            <a:off x="8183566" y="4786001"/>
            <a:ext cx="503237" cy="273844"/>
          </a:xfrm>
          <a:prstGeom prst="rect">
            <a:avLst/>
          </a:prstGeom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r">
              <a:defRPr sz="900">
                <a:solidFill>
                  <a:srgbClr val="404040"/>
                </a:solidFill>
                <a:latin typeface="Arial" charset="0"/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E8EA0C20-C23B-EC45-AFCE-E5370929061F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367861448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200"/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3" name="Espace réservé du numéro de diapositive 5"/>
          <p:cNvSpPr>
            <a:spLocks noGrp="1"/>
          </p:cNvSpPr>
          <p:nvPr>
            <p:ph type="sldNum" sz="quarter" idx="4"/>
          </p:nvPr>
        </p:nvSpPr>
        <p:spPr>
          <a:xfrm>
            <a:off x="8183566" y="4767267"/>
            <a:ext cx="503237" cy="273844"/>
          </a:xfrm>
          <a:prstGeom prst="rect">
            <a:avLst/>
          </a:prstGeom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r">
              <a:defRPr sz="900">
                <a:solidFill>
                  <a:srgbClr val="404040"/>
                </a:solidFill>
                <a:latin typeface="Arial" charset="0"/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E8EA0C20-C23B-EC45-AFCE-E5370929061F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73166483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l-GR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3"/>
          </p:nvPr>
        </p:nvSpPr>
        <p:spPr>
          <a:xfrm>
            <a:off x="422031" y="1131305"/>
            <a:ext cx="8301046" cy="34425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l-GR" dirty="0"/>
          </a:p>
        </p:txBody>
      </p:sp>
      <p:sp>
        <p:nvSpPr>
          <p:cNvPr id="7" name="Slide Number Placeholder 5" hidden="1"/>
          <p:cNvSpPr txBox="1">
            <a:spLocks/>
          </p:cNvSpPr>
          <p:nvPr userDrawn="1"/>
        </p:nvSpPr>
        <p:spPr>
          <a:xfrm>
            <a:off x="8687634" y="5120100"/>
            <a:ext cx="176123" cy="99900"/>
          </a:xfrm>
          <a:prstGeom prst="flowChartProcess">
            <a:avLst/>
          </a:prstGeom>
        </p:spPr>
        <p:txBody>
          <a:bodyPr vert="horz" wrap="none" lIns="0" tIns="0" rIns="0" bIns="0" rtlCol="0" anchor="t" anchorCtr="0"/>
          <a:lstStyle/>
          <a:p>
            <a:pPr algn="r" defTabSz="913217">
              <a:defRPr/>
            </a:pPr>
            <a:r>
              <a:rPr lang="el-GR" sz="900" dirty="0">
                <a:solidFill>
                  <a:prstClr val="black"/>
                </a:solidFill>
                <a:ea typeface="ＭＳ Ｐゴシック" pitchFamily="-65" charset="-128"/>
              </a:rPr>
              <a:t>‹#›</a:t>
            </a:r>
          </a:p>
          <a:p>
            <a:pPr algn="r" defTabSz="913217">
              <a:defRPr/>
            </a:pPr>
            <a:endParaRPr lang="el-GR" sz="900" dirty="0">
              <a:solidFill>
                <a:prstClr val="black"/>
              </a:solidFill>
              <a:ea typeface="ＭＳ Ｐゴシック" pitchFamily="-65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2663182359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>
  <p:cSld name="Title, Text,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89000" y="228601"/>
            <a:ext cx="7581900" cy="706041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649291" y="1543050"/>
            <a:ext cx="3692525" cy="32575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494216" y="1543050"/>
            <a:ext cx="3692525" cy="32575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Rectangle 23"/>
          <p:cNvSpPr>
            <a:spLocks noGrp="1" noChangeArrowheads="1"/>
          </p:cNvSpPr>
          <p:nvPr>
            <p:ph type="ftr" sz="quarter" idx="10"/>
          </p:nvPr>
        </p:nvSpPr>
        <p:spPr>
          <a:xfrm>
            <a:off x="152400" y="5016104"/>
            <a:ext cx="8839200" cy="114300"/>
          </a:xfrm>
          <a:prstGeom prst="rect">
            <a:avLst/>
          </a:prstGeom>
        </p:spPr>
        <p:txBody>
          <a:bodyPr lIns="91322" tIns="45660" rIns="91322" bIns="45660"/>
          <a:lstStyle>
            <a:lvl1pPr>
              <a:defRPr>
                <a:latin typeface="Times New Roman" pitchFamily="18" charset="0"/>
              </a:defRPr>
            </a:lvl1pPr>
          </a:lstStyle>
          <a:p>
            <a:pPr defTabSz="456972" fontAlgn="base">
              <a:spcBef>
                <a:spcPct val="0"/>
              </a:spcBef>
              <a:spcAft>
                <a:spcPct val="0"/>
              </a:spcAft>
              <a:defRPr/>
            </a:pPr>
            <a:endParaRPr lang="en-GB">
              <a:solidFill>
                <a:prstClr val="black"/>
              </a:solidFill>
              <a:ea typeface="ＭＳ Ｐゴシック" pitchFamily="-65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587303414"/>
      </p:ext>
    </p:extLst>
  </p:cSld>
  <p:clrMapOvr>
    <a:masterClrMapping/>
  </p:clrMapOvr>
  <p:transition>
    <p:wipe dir="r"/>
  </p:transition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3609" y="878263"/>
            <a:ext cx="2706607" cy="304946"/>
          </a:xfrm>
          <a:blipFill dpi="0" rotWithShape="1">
            <a:blip r:embed="rId2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none" algn="b"/>
          </a:blipFill>
        </p:spPr>
        <p:txBody>
          <a:bodyPr lIns="0" tIns="0" rIns="0" bIns="85048" anchor="b" anchorCtr="0">
            <a:normAutofit/>
          </a:bodyPr>
          <a:lstStyle>
            <a:lvl1pPr marL="0" indent="0" algn="ctr" rtl="0">
              <a:buNone/>
              <a:defRPr sz="1500" b="1" cap="all"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6093328" y="878263"/>
            <a:ext cx="2706607" cy="304946"/>
          </a:xfrm>
          <a:blipFill dpi="0" rotWithShape="1">
            <a:blip r:embed="rId2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none" algn="b"/>
          </a:blipFill>
        </p:spPr>
        <p:txBody>
          <a:bodyPr lIns="0" tIns="0" rIns="0" bIns="85048" anchor="b" anchorCtr="0">
            <a:normAutofit/>
          </a:bodyPr>
          <a:lstStyle>
            <a:lvl1pPr marL="0" indent="0" algn="ctr" rtl="0">
              <a:buNone/>
              <a:defRPr sz="1500" b="1" cap="all"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223469" y="878263"/>
            <a:ext cx="2706607" cy="304946"/>
          </a:xfrm>
          <a:blipFill dpi="0" rotWithShape="1">
            <a:blip r:embed="rId2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none" algn="b"/>
          </a:blipFill>
        </p:spPr>
        <p:txBody>
          <a:bodyPr lIns="0" tIns="0" rIns="0" bIns="85048" anchor="b" anchorCtr="0">
            <a:normAutofit/>
          </a:bodyPr>
          <a:lstStyle>
            <a:lvl1pPr marL="0" indent="0" algn="ctr" rtl="0">
              <a:buNone/>
              <a:defRPr sz="1500" b="1" cap="all" baseline="0"/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9" name="Rectangle 8"/>
          <p:cNvSpPr/>
          <p:nvPr userDrawn="1"/>
        </p:nvSpPr>
        <p:spPr>
          <a:xfrm>
            <a:off x="353609" y="1183202"/>
            <a:ext cx="2706607" cy="3521929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2534" tIns="42534" rIns="42534" bIns="42534" rtlCol="0" anchor="ctr"/>
          <a:lstStyle/>
          <a:p>
            <a:pPr algn="ctr" defTabSz="912760"/>
            <a:endParaRPr lang="en-US" sz="1900" dirty="0" smtClean="0">
              <a:solidFill>
                <a:prstClr val="black"/>
              </a:solidFill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3223469" y="1183202"/>
            <a:ext cx="2706607" cy="3521929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2534" tIns="42534" rIns="42534" bIns="42534" rtlCol="0" anchor="ctr"/>
          <a:lstStyle/>
          <a:p>
            <a:pPr algn="ctr" defTabSz="912760"/>
            <a:endParaRPr lang="en-US" sz="1900" dirty="0" smtClean="0">
              <a:solidFill>
                <a:prstClr val="black"/>
              </a:solidFill>
            </a:endParaRPr>
          </a:p>
        </p:txBody>
      </p:sp>
      <p:sp>
        <p:nvSpPr>
          <p:cNvPr id="12" name="Rectangle 11"/>
          <p:cNvSpPr/>
          <p:nvPr userDrawn="1"/>
        </p:nvSpPr>
        <p:spPr>
          <a:xfrm>
            <a:off x="6093328" y="1183202"/>
            <a:ext cx="2706607" cy="3521929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2534" tIns="42534" rIns="42534" bIns="42534" rtlCol="0" anchor="ctr"/>
          <a:lstStyle/>
          <a:p>
            <a:pPr algn="ctr" defTabSz="912760"/>
            <a:endParaRPr lang="en-US" sz="1900" dirty="0" smtClean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9425567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Pic+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Espace réservé pour une image  5"/>
          <p:cNvSpPr>
            <a:spLocks noGrp="1"/>
          </p:cNvSpPr>
          <p:nvPr>
            <p:ph type="pic" sz="quarter" idx="12" hasCustomPrompt="1"/>
          </p:nvPr>
        </p:nvSpPr>
        <p:spPr>
          <a:xfrm>
            <a:off x="457205" y="771525"/>
            <a:ext cx="8229600" cy="3982500"/>
          </a:xfrm>
        </p:spPr>
        <p:txBody>
          <a:bodyPr/>
          <a:lstStyle>
            <a:lvl1pPr marL="342730" marR="0" indent="-342730" algn="l" defTabSz="456972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rgbClr val="F79646"/>
              </a:buClr>
              <a:buSzTx/>
              <a:buFont typeface="Arial" pitchFamily="-65" charset="0"/>
              <a:buNone/>
              <a:tabLst/>
              <a:defRPr/>
            </a:lvl1pPr>
          </a:lstStyle>
          <a:p>
            <a:pPr marL="342730" marR="0" lvl="0" indent="-342730" algn="l" defTabSz="456972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rgbClr val="F79646"/>
              </a:buClr>
              <a:buSzTx/>
              <a:buFont typeface="Arial" pitchFamily="-65" charset="0"/>
              <a:buChar char="•"/>
              <a:tabLst/>
              <a:defRPr/>
            </a:pPr>
            <a:r>
              <a:rPr lang="fr-FR" noProof="0" dirty="0" smtClean="0"/>
              <a:t>Click to insert image</a:t>
            </a: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>
          <a:xfrm>
            <a:off x="722313" y="1943105"/>
            <a:ext cx="7772400" cy="628651"/>
          </a:xfrm>
        </p:spPr>
        <p:txBody>
          <a:bodyPr anchor="t">
            <a:normAutofit/>
          </a:bodyPr>
          <a:lstStyle>
            <a:lvl1pPr algn="ctr">
              <a:defRPr sz="4000" b="1" cap="none" baseline="0">
                <a:solidFill>
                  <a:schemeClr val="bg1"/>
                </a:solidFill>
                <a:effectLst>
                  <a:outerShdw blurRad="53975" dist="50800" dir="2700000" algn="tl" rotWithShape="0">
                    <a:schemeClr val="tx1">
                      <a:alpha val="49000"/>
                    </a:schemeClr>
                  </a:outerShdw>
                </a:effectLst>
                <a:latin typeface="Arial"/>
                <a:cs typeface="Arial"/>
              </a:defRPr>
            </a:lvl1pPr>
          </a:lstStyle>
          <a:p>
            <a:r>
              <a:rPr lang="nl-BE" dirty="0" smtClean="0"/>
              <a:t>Click &amp; modify the title</a:t>
            </a:r>
            <a:endParaRPr lang="fr-FR" dirty="0"/>
          </a:p>
        </p:txBody>
      </p:sp>
      <p:sp>
        <p:nvSpPr>
          <p:cNvPr id="4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fr-FR" dirty="0"/>
              <a:t>|</a:t>
            </a:r>
            <a:r>
              <a:rPr lang="fr-FR" dirty="0">
                <a:solidFill>
                  <a:srgbClr val="898989"/>
                </a:solidFill>
              </a:rPr>
              <a:t> </a:t>
            </a:r>
            <a:r>
              <a:rPr lang="en-US" dirty="0">
                <a:solidFill>
                  <a:srgbClr val="898989"/>
                </a:solidFill>
              </a:rPr>
              <a:t> </a:t>
            </a:r>
            <a:fld id="{FBA50A79-3AEB-6D40-9AEE-BA200C739D88}" type="slidenum">
              <a:rPr lang="en-US">
                <a:solidFill>
                  <a:srgbClr val="898989"/>
                </a:solidFill>
              </a:rPr>
              <a:pPr>
                <a:defRPr/>
              </a:pPr>
              <a:t>‹#›</a:t>
            </a:fld>
            <a:endParaRPr lang="fr-FR" dirty="0">
              <a:solidFill>
                <a:srgbClr val="898989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22433073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01" y="878263"/>
            <a:ext cx="4016257" cy="304946"/>
          </a:xfrm>
          <a:blipFill dpi="0" rotWithShape="1">
            <a:blip r:embed="rId2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none" algn="b"/>
          </a:blipFill>
        </p:spPr>
        <p:txBody>
          <a:bodyPr lIns="0" tIns="0" rIns="0" bIns="85048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9" name="Table Placeholder 5"/>
          <p:cNvSpPr>
            <a:spLocks noGrp="1"/>
          </p:cNvSpPr>
          <p:nvPr>
            <p:ph type="tbl" sz="quarter" idx="15"/>
          </p:nvPr>
        </p:nvSpPr>
        <p:spPr>
          <a:xfrm>
            <a:off x="355083" y="1183197"/>
            <a:ext cx="4004562" cy="3682781"/>
          </a:xfrm>
          <a:prstGeom prst="rect">
            <a:avLst/>
          </a:prstGeom>
        </p:spPr>
        <p:txBody>
          <a:bodyPr>
            <a:normAutofit/>
          </a:bodyPr>
          <a:lstStyle>
            <a:lvl1pPr marL="252492" indent="-252492" algn="l" defTabSz="91252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smtClean="0"/>
              <a:t>Click icon to add table</a:t>
            </a:r>
            <a:endParaRPr lang="en-US" dirty="0"/>
          </a:p>
        </p:txBody>
      </p:sp>
      <p:sp>
        <p:nvSpPr>
          <p:cNvPr id="10" name="Text Placeholder 6"/>
          <p:cNvSpPr>
            <a:spLocks noGrp="1"/>
          </p:cNvSpPr>
          <p:nvPr>
            <p:ph type="body" sz="quarter" idx="16"/>
          </p:nvPr>
        </p:nvSpPr>
        <p:spPr>
          <a:xfrm>
            <a:off x="4800672" y="878263"/>
            <a:ext cx="4016257" cy="304946"/>
          </a:xfrm>
          <a:blipFill dpi="0" rotWithShape="1">
            <a:blip r:embed="rId2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tile tx="0" ty="0" sx="100000" sy="100000" flip="none" algn="b"/>
          </a:blipFill>
        </p:spPr>
        <p:txBody>
          <a:bodyPr lIns="0" tIns="0" rIns="0" bIns="85048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1" name="Table Placeholder 5"/>
          <p:cNvSpPr>
            <a:spLocks noGrp="1"/>
          </p:cNvSpPr>
          <p:nvPr>
            <p:ph type="tbl" sz="quarter" idx="17"/>
          </p:nvPr>
        </p:nvSpPr>
        <p:spPr>
          <a:xfrm>
            <a:off x="4800654" y="1183197"/>
            <a:ext cx="4004562" cy="3682781"/>
          </a:xfrm>
          <a:prstGeom prst="rect">
            <a:avLst/>
          </a:prstGeom>
        </p:spPr>
        <p:txBody>
          <a:bodyPr>
            <a:normAutofit/>
          </a:bodyPr>
          <a:lstStyle>
            <a:lvl1pPr marL="252492" indent="-252492" algn="l" defTabSz="912520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smtClean="0"/>
              <a:t>Click icon to add tab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49956334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4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 Placeholder 9"/>
          <p:cNvSpPr>
            <a:spLocks noGrp="1"/>
          </p:cNvSpPr>
          <p:nvPr>
            <p:ph type="body" sz="quarter" idx="10"/>
          </p:nvPr>
        </p:nvSpPr>
        <p:spPr>
          <a:xfrm>
            <a:off x="-36855" y="0"/>
            <a:ext cx="8303065" cy="285750"/>
          </a:xfrm>
        </p:spPr>
        <p:txBody>
          <a:bodyPr>
            <a:noAutofit/>
          </a:bodyPr>
          <a:lstStyle>
            <a:lvl1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buNone/>
              <a:defRPr lang="en-US" sz="2000" b="1" kern="1200" dirty="0" smtClean="0">
                <a:solidFill>
                  <a:schemeClr val="bg1"/>
                </a:solidFill>
                <a:latin typeface="DJB CHALK IT UP" pitchFamily="2" charset="0"/>
                <a:ea typeface="Verdana" pitchFamily="34" charset="0"/>
                <a:cs typeface="Verdana" pitchFamily="34" charset="0"/>
              </a:defRPr>
            </a:lvl1pPr>
            <a:lvl2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2pPr>
            <a:lvl3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3pPr>
            <a:lvl4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4pPr>
            <a:lvl5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97436940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u și conțin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774415762"/>
      </p:ext>
    </p:extLst>
  </p:cSld>
  <p:clrMapOvr>
    <a:masterClrMapping/>
  </p:clrMapOvr>
  <p:transition spd="med"/>
  <p:timing>
    <p:tnLst>
      <p:par>
        <p:cTn id="1" dur="indefinite" restart="never" nodeType="tmRoot"/>
      </p:par>
    </p:tnLst>
  </p:timing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A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9"/>
          <p:cNvSpPr>
            <a:spLocks noGrp="1"/>
          </p:cNvSpPr>
          <p:nvPr>
            <p:ph type="body" sz="quarter" idx="10"/>
          </p:nvPr>
        </p:nvSpPr>
        <p:spPr>
          <a:xfrm>
            <a:off x="-36854" y="0"/>
            <a:ext cx="3456726" cy="285750"/>
          </a:xfrm>
        </p:spPr>
        <p:txBody>
          <a:bodyPr>
            <a:noAutofit/>
          </a:bodyPr>
          <a:lstStyle>
            <a:lvl1pPr marL="0" algn="ctr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buNone/>
              <a:defRPr lang="en-US" sz="2000" b="1" kern="1200" dirty="0" smtClean="0">
                <a:solidFill>
                  <a:schemeClr val="bg1"/>
                </a:solidFill>
                <a:latin typeface="DJB CHALK IT UP" pitchFamily="2" charset="0"/>
                <a:ea typeface="Verdana" pitchFamily="34" charset="0"/>
                <a:cs typeface="Verdana" pitchFamily="34" charset="0"/>
              </a:defRPr>
            </a:lvl1pPr>
            <a:lvl2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2pPr>
            <a:lvl3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3pPr>
            <a:lvl4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4pPr>
            <a:lvl5pPr marL="0" algn="l" defTabSz="914400" rtl="0" eaLnBrk="1" fontAlgn="auto" latinLnBrk="0" hangingPunct="1">
              <a:spcBef>
                <a:spcPts val="0"/>
              </a:spcBef>
              <a:spcAft>
                <a:spcPts val="0"/>
              </a:spcAft>
              <a:defRPr lang="en-US" sz="2000" b="1" kern="1200" dirty="0" smtClean="0">
                <a:solidFill>
                  <a:schemeClr val="bg1"/>
                </a:solidFill>
                <a:latin typeface="Calibri" pitchFamily="34" charset="0"/>
                <a:ea typeface="Verdana" pitchFamily="34" charset="0"/>
                <a:cs typeface="Verdana" pitchFamily="34" charset="0"/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073458041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DLZ_Txt/Pi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3" name="Espace réservé du contenu 2"/>
          <p:cNvSpPr>
            <a:spLocks noGrp="1"/>
          </p:cNvSpPr>
          <p:nvPr>
            <p:ph idx="1" hasCustomPrompt="1"/>
          </p:nvPr>
        </p:nvSpPr>
        <p:spPr>
          <a:xfrm>
            <a:off x="457205" y="765572"/>
            <a:ext cx="8229600" cy="3996000"/>
          </a:xfrm>
        </p:spPr>
        <p:txBody>
          <a:bodyPr>
            <a:normAutofit/>
          </a:bodyPr>
          <a:lstStyle/>
          <a:p>
            <a:pPr lvl="0"/>
            <a:r>
              <a:rPr lang="nl-BE" dirty="0" smtClean="0"/>
              <a:t>Click to modify text</a:t>
            </a:r>
          </a:p>
          <a:p>
            <a:pPr lvl="1"/>
            <a:r>
              <a:rPr lang="nl-BE" dirty="0" smtClean="0"/>
              <a:t>Second level</a:t>
            </a:r>
          </a:p>
          <a:p>
            <a:pPr lvl="2"/>
            <a:r>
              <a:rPr lang="nl-BE" dirty="0" smtClean="0"/>
              <a:t>Third level</a:t>
            </a:r>
          </a:p>
          <a:p>
            <a:pPr lvl="3"/>
            <a:r>
              <a:rPr lang="nl-BE" dirty="0" smtClean="0"/>
              <a:t>Fourth level</a:t>
            </a:r>
          </a:p>
          <a:p>
            <a:pPr lvl="4"/>
            <a:r>
              <a:rPr lang="nl-BE" dirty="0" smtClean="0"/>
              <a:t>Fifth level</a:t>
            </a:r>
            <a:endParaRPr lang="fr-FR" dirty="0"/>
          </a:p>
        </p:txBody>
      </p:sp>
      <p:sp>
        <p:nvSpPr>
          <p:cNvPr id="4" name="Espace réservé du numéro de diapositive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fr-FR" dirty="0"/>
              <a:t>|</a:t>
            </a:r>
            <a:r>
              <a:rPr lang="fr-FR" dirty="0">
                <a:solidFill>
                  <a:srgbClr val="898989"/>
                </a:solidFill>
              </a:rPr>
              <a:t> </a:t>
            </a:r>
            <a:r>
              <a:rPr lang="en-US" dirty="0">
                <a:solidFill>
                  <a:srgbClr val="898989"/>
                </a:solidFill>
              </a:rPr>
              <a:t> </a:t>
            </a:r>
            <a:fld id="{79AA2A7C-E190-A748-A14F-A773FF769E66}" type="slidenum">
              <a:rPr lang="en-US">
                <a:solidFill>
                  <a:srgbClr val="898989"/>
                </a:solidFill>
              </a:rPr>
              <a:pPr>
                <a:defRPr/>
              </a:pPr>
              <a:t>‹#›</a:t>
            </a:fld>
            <a:endParaRPr lang="fr-FR" dirty="0">
              <a:solidFill>
                <a:srgbClr val="898989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4191864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hapter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457205" y="765577"/>
            <a:ext cx="8229600" cy="3982640"/>
          </a:xfrm>
          <a:prstGeom prst="rect">
            <a:avLst/>
          </a:prstGeom>
          <a:solidFill>
            <a:srgbClr val="B7CF28"/>
          </a:solidFill>
          <a:ln>
            <a:solidFill>
              <a:srgbClr val="B7CF28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baseline="-25000" dirty="0">
              <a:solidFill>
                <a:prstClr val="white"/>
              </a:solidFill>
            </a:endParaRP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7" name="Espace réservé du texte 6"/>
          <p:cNvSpPr>
            <a:spLocks noGrp="1"/>
          </p:cNvSpPr>
          <p:nvPr>
            <p:ph type="body" sz="quarter" idx="12" hasCustomPrompt="1"/>
          </p:nvPr>
        </p:nvSpPr>
        <p:spPr>
          <a:xfrm>
            <a:off x="990600" y="1657350"/>
            <a:ext cx="7315200" cy="2228850"/>
          </a:xfrm>
        </p:spPr>
        <p:txBody>
          <a:bodyPr anchor="ctr">
            <a:noAutofit/>
          </a:bodyPr>
          <a:lstStyle>
            <a:lvl1pPr algn="ctr">
              <a:buNone/>
              <a:defRPr sz="40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AD0AC3D3-8130-974B-BACF-A22EE5790390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409587248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hapter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457205" y="771526"/>
            <a:ext cx="8229600" cy="3982641"/>
          </a:xfrm>
          <a:prstGeom prst="rect">
            <a:avLst/>
          </a:prstGeom>
          <a:solidFill>
            <a:srgbClr val="00A4D5"/>
          </a:solidFill>
          <a:ln>
            <a:solidFill>
              <a:srgbClr val="00A4D5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baseline="-25000" dirty="0">
              <a:solidFill>
                <a:prstClr val="white"/>
              </a:solidFill>
            </a:endParaRP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6" name="Espace réservé du texte 6"/>
          <p:cNvSpPr>
            <a:spLocks noGrp="1"/>
          </p:cNvSpPr>
          <p:nvPr>
            <p:ph type="body" sz="quarter" idx="12" hasCustomPrompt="1"/>
          </p:nvPr>
        </p:nvSpPr>
        <p:spPr>
          <a:xfrm>
            <a:off x="990600" y="1657350"/>
            <a:ext cx="7315200" cy="2228850"/>
          </a:xfrm>
        </p:spPr>
        <p:txBody>
          <a:bodyPr anchor="ctr">
            <a:noAutofit/>
          </a:bodyPr>
          <a:lstStyle>
            <a:lvl1pPr algn="ctr">
              <a:buNone/>
              <a:defRPr sz="40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948D139C-AC43-1F49-98C1-C7ECCF8C739B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33439221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hapter3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457205" y="771526"/>
            <a:ext cx="8229600" cy="3982641"/>
          </a:xfrm>
          <a:prstGeom prst="rect">
            <a:avLst/>
          </a:prstGeom>
          <a:solidFill>
            <a:srgbClr val="8B387B"/>
          </a:solidFill>
          <a:ln>
            <a:solidFill>
              <a:srgbClr val="8B387B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baseline="-25000" dirty="0">
              <a:solidFill>
                <a:prstClr val="white"/>
              </a:solidFill>
            </a:endParaRP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6" name="Espace réservé du texte 6"/>
          <p:cNvSpPr>
            <a:spLocks noGrp="1"/>
          </p:cNvSpPr>
          <p:nvPr>
            <p:ph type="body" sz="quarter" idx="12" hasCustomPrompt="1"/>
          </p:nvPr>
        </p:nvSpPr>
        <p:spPr>
          <a:xfrm>
            <a:off x="990600" y="1657350"/>
            <a:ext cx="7315200" cy="2228850"/>
          </a:xfrm>
        </p:spPr>
        <p:txBody>
          <a:bodyPr anchor="ctr">
            <a:noAutofit/>
          </a:bodyPr>
          <a:lstStyle>
            <a:lvl1pPr algn="ctr">
              <a:buNone/>
              <a:defRPr sz="40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22E82B6F-8985-9C44-A2E7-05D60548F368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305668506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LZ_Chapter4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 userDrawn="1"/>
        </p:nvSpPr>
        <p:spPr>
          <a:xfrm>
            <a:off x="457205" y="771526"/>
            <a:ext cx="8229600" cy="3982641"/>
          </a:xfrm>
          <a:prstGeom prst="rect">
            <a:avLst/>
          </a:prstGeom>
          <a:solidFill>
            <a:srgbClr val="D63668"/>
          </a:solidFill>
          <a:ln>
            <a:solidFill>
              <a:srgbClr val="D63668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baseline="-25000" dirty="0">
              <a:solidFill>
                <a:prstClr val="white"/>
              </a:solidFill>
            </a:endParaRPr>
          </a:p>
        </p:txBody>
      </p:sp>
      <p:sp>
        <p:nvSpPr>
          <p:cNvPr id="2" name="Titr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6" name="Espace réservé du texte 6"/>
          <p:cNvSpPr>
            <a:spLocks noGrp="1"/>
          </p:cNvSpPr>
          <p:nvPr>
            <p:ph type="body" sz="quarter" idx="12" hasCustomPrompt="1"/>
          </p:nvPr>
        </p:nvSpPr>
        <p:spPr>
          <a:xfrm>
            <a:off x="990600" y="1657350"/>
            <a:ext cx="7315200" cy="2228850"/>
          </a:xfrm>
        </p:spPr>
        <p:txBody>
          <a:bodyPr anchor="ctr">
            <a:noAutofit/>
          </a:bodyPr>
          <a:lstStyle>
            <a:lvl1pPr algn="ctr">
              <a:buNone/>
              <a:defRPr sz="40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nl-BE" dirty="0" smtClean="0"/>
              <a:t>Click to modify the text</a:t>
            </a:r>
          </a:p>
        </p:txBody>
      </p:sp>
      <p:sp>
        <p:nvSpPr>
          <p:cNvPr id="5" name="Espace réservé du numéro de diapositive 5"/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algn="r">
              <a:defRPr sz="900">
                <a:solidFill>
                  <a:srgbClr val="404040"/>
                </a:solidFill>
                <a:ea typeface="Arial" charset="0"/>
                <a:cs typeface="Arial" charset="0"/>
              </a:defRPr>
            </a:lvl1pPr>
          </a:lstStyle>
          <a:p>
            <a:pPr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FCB7C37C-D566-0F48-876E-30B0452C845C}" type="slidenum">
              <a:rPr lang="en-US"/>
              <a:pPr>
                <a:defRPr/>
              </a:pPr>
              <a:t>‹#›</a:t>
            </a:fld>
            <a:endParaRPr lang="fr-FR" dirty="0"/>
          </a:p>
        </p:txBody>
      </p:sp>
    </p:spTree>
    <p:extLst>
      <p:ext uri="{BB962C8B-B14F-4D97-AF65-F5344CB8AC3E}">
        <p14:creationId xmlns:p14="http://schemas.microsoft.com/office/powerpoint/2010/main" val="116667745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image" Target="../media/image1.png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theme" Target="../theme/theme1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9.xml"/><Relationship Id="rId13" Type="http://schemas.openxmlformats.org/officeDocument/2006/relationships/slideLayout" Target="../slideLayouts/slideLayout34.xml"/><Relationship Id="rId18" Type="http://schemas.openxmlformats.org/officeDocument/2006/relationships/slideLayout" Target="../slideLayouts/slideLayout39.xml"/><Relationship Id="rId3" Type="http://schemas.openxmlformats.org/officeDocument/2006/relationships/slideLayout" Target="../slideLayouts/slideLayout24.xml"/><Relationship Id="rId21" Type="http://schemas.openxmlformats.org/officeDocument/2006/relationships/slideLayout" Target="../slideLayouts/slideLayout42.xml"/><Relationship Id="rId7" Type="http://schemas.openxmlformats.org/officeDocument/2006/relationships/slideLayout" Target="../slideLayouts/slideLayout28.xml"/><Relationship Id="rId12" Type="http://schemas.openxmlformats.org/officeDocument/2006/relationships/slideLayout" Target="../slideLayouts/slideLayout33.xml"/><Relationship Id="rId17" Type="http://schemas.openxmlformats.org/officeDocument/2006/relationships/slideLayout" Target="../slideLayouts/slideLayout38.xml"/><Relationship Id="rId2" Type="http://schemas.openxmlformats.org/officeDocument/2006/relationships/slideLayout" Target="../slideLayouts/slideLayout23.xml"/><Relationship Id="rId16" Type="http://schemas.openxmlformats.org/officeDocument/2006/relationships/slideLayout" Target="../slideLayouts/slideLayout37.xml"/><Relationship Id="rId20" Type="http://schemas.openxmlformats.org/officeDocument/2006/relationships/slideLayout" Target="../slideLayouts/slideLayout41.xml"/><Relationship Id="rId1" Type="http://schemas.openxmlformats.org/officeDocument/2006/relationships/slideLayout" Target="../slideLayouts/slideLayout22.xml"/><Relationship Id="rId6" Type="http://schemas.openxmlformats.org/officeDocument/2006/relationships/slideLayout" Target="../slideLayouts/slideLayout27.xml"/><Relationship Id="rId11" Type="http://schemas.openxmlformats.org/officeDocument/2006/relationships/slideLayout" Target="../slideLayouts/slideLayout32.xml"/><Relationship Id="rId24" Type="http://schemas.openxmlformats.org/officeDocument/2006/relationships/image" Target="../media/image5.png"/><Relationship Id="rId5" Type="http://schemas.openxmlformats.org/officeDocument/2006/relationships/slideLayout" Target="../slideLayouts/slideLayout26.xml"/><Relationship Id="rId15" Type="http://schemas.openxmlformats.org/officeDocument/2006/relationships/slideLayout" Target="../slideLayouts/slideLayout36.xml"/><Relationship Id="rId23" Type="http://schemas.openxmlformats.org/officeDocument/2006/relationships/theme" Target="../theme/theme2.xml"/><Relationship Id="rId10" Type="http://schemas.openxmlformats.org/officeDocument/2006/relationships/slideLayout" Target="../slideLayouts/slideLayout31.xml"/><Relationship Id="rId19" Type="http://schemas.openxmlformats.org/officeDocument/2006/relationships/slideLayout" Target="../slideLayouts/slideLayout40.xml"/><Relationship Id="rId4" Type="http://schemas.openxmlformats.org/officeDocument/2006/relationships/slideLayout" Target="../slideLayouts/slideLayout25.xml"/><Relationship Id="rId9" Type="http://schemas.openxmlformats.org/officeDocument/2006/relationships/slideLayout" Target="../slideLayouts/slideLayout30.xml"/><Relationship Id="rId14" Type="http://schemas.openxmlformats.org/officeDocument/2006/relationships/slideLayout" Target="../slideLayouts/slideLayout35.xml"/><Relationship Id="rId22" Type="http://schemas.openxmlformats.org/officeDocument/2006/relationships/slideLayout" Target="../slideLayouts/slideLayout4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Espace réservé du titre 1"/>
          <p:cNvSpPr>
            <a:spLocks noGrp="1"/>
          </p:cNvSpPr>
          <p:nvPr>
            <p:ph type="title"/>
          </p:nvPr>
        </p:nvSpPr>
        <p:spPr bwMode="auto">
          <a:xfrm>
            <a:off x="457205" y="114301"/>
            <a:ext cx="8229600" cy="6512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1027" name="Espace réservé du texte 2"/>
          <p:cNvSpPr>
            <a:spLocks noGrp="1"/>
          </p:cNvSpPr>
          <p:nvPr>
            <p:ph type="body" idx="1"/>
          </p:nvPr>
        </p:nvSpPr>
        <p:spPr bwMode="auto">
          <a:xfrm>
            <a:off x="457205" y="765577"/>
            <a:ext cx="8229600" cy="39826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nl-BE" dirty="0" smtClean="0"/>
              <a:t>Click to modify text</a:t>
            </a:r>
          </a:p>
          <a:p>
            <a:pPr lvl="1"/>
            <a:r>
              <a:rPr lang="nl-BE" dirty="0" smtClean="0"/>
              <a:t>Second level</a:t>
            </a:r>
          </a:p>
          <a:p>
            <a:pPr lvl="2"/>
            <a:r>
              <a:rPr lang="nl-BE" dirty="0" smtClean="0"/>
              <a:t>Third level</a:t>
            </a:r>
          </a:p>
          <a:p>
            <a:pPr lvl="3"/>
            <a:r>
              <a:rPr lang="nl-BE" dirty="0" smtClean="0"/>
              <a:t>Fourth level</a:t>
            </a:r>
          </a:p>
          <a:p>
            <a:pPr lvl="4"/>
            <a:r>
              <a:rPr lang="nl-BE" dirty="0" smtClean="0"/>
              <a:t>Fifth level</a:t>
            </a:r>
            <a:endParaRPr lang="fr-FR" dirty="0"/>
          </a:p>
        </p:txBody>
      </p:sp>
      <p:sp>
        <p:nvSpPr>
          <p:cNvPr id="6" name="Espace réservé du numéro de diapositive 5"/>
          <p:cNvSpPr>
            <a:spLocks noGrp="1"/>
          </p:cNvSpPr>
          <p:nvPr>
            <p:ph type="sldNum" sz="quarter" idx="4"/>
          </p:nvPr>
        </p:nvSpPr>
        <p:spPr>
          <a:xfrm>
            <a:off x="8183566" y="4767267"/>
            <a:ext cx="503237" cy="273844"/>
          </a:xfrm>
          <a:prstGeom prst="rect">
            <a:avLst/>
          </a:prstGeom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r">
              <a:defRPr sz="900">
                <a:solidFill>
                  <a:srgbClr val="404040"/>
                </a:solidFill>
                <a:latin typeface="Arial" charset="0"/>
                <a:ea typeface="Arial" charset="0"/>
                <a:cs typeface="Arial" charset="0"/>
              </a:defRPr>
            </a:lvl1pPr>
          </a:lstStyle>
          <a:p>
            <a:pPr defTabSz="456972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E8EA0C20-C23B-EC45-AFCE-E5370929061F}" type="slidenum">
              <a:rPr lang="en-US"/>
              <a:pPr defTabSz="456972" fontAlgn="base"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fr-FR" dirty="0"/>
          </a:p>
        </p:txBody>
      </p:sp>
      <p:cxnSp>
        <p:nvCxnSpPr>
          <p:cNvPr id="8" name="Connecteur droit 7"/>
          <p:cNvCxnSpPr/>
          <p:nvPr userDrawn="1"/>
        </p:nvCxnSpPr>
        <p:spPr>
          <a:xfrm>
            <a:off x="457205" y="4762501"/>
            <a:ext cx="8229600" cy="1191"/>
          </a:xfrm>
          <a:prstGeom prst="line">
            <a:avLst/>
          </a:prstGeom>
          <a:ln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1" name="Rectangle 10"/>
          <p:cNvSpPr/>
          <p:nvPr userDrawn="1"/>
        </p:nvSpPr>
        <p:spPr>
          <a:xfrm>
            <a:off x="457200" y="704854"/>
            <a:ext cx="1676400" cy="57150"/>
          </a:xfrm>
          <a:prstGeom prst="rect">
            <a:avLst/>
          </a:prstGeom>
          <a:solidFill>
            <a:srgbClr val="E86A37"/>
          </a:solidFill>
          <a:ln>
            <a:solidFill>
              <a:srgbClr val="DA7B33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sp>
        <p:nvSpPr>
          <p:cNvPr id="12" name="Rectangle 11"/>
          <p:cNvSpPr/>
          <p:nvPr userDrawn="1"/>
        </p:nvSpPr>
        <p:spPr>
          <a:xfrm>
            <a:off x="2133603" y="704854"/>
            <a:ext cx="1600200" cy="57150"/>
          </a:xfrm>
          <a:prstGeom prst="rect">
            <a:avLst/>
          </a:prstGeom>
          <a:solidFill>
            <a:srgbClr val="D63668"/>
          </a:solidFill>
          <a:ln>
            <a:solidFill>
              <a:srgbClr val="B94865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3733800" y="704854"/>
            <a:ext cx="1676400" cy="57150"/>
          </a:xfrm>
          <a:prstGeom prst="rect">
            <a:avLst/>
          </a:prstGeom>
          <a:solidFill>
            <a:srgbClr val="8B387B"/>
          </a:solidFill>
          <a:ln>
            <a:solidFill>
              <a:srgbClr val="87458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sp>
        <p:nvSpPr>
          <p:cNvPr id="14" name="Rectangle 13"/>
          <p:cNvSpPr/>
          <p:nvPr userDrawn="1"/>
        </p:nvSpPr>
        <p:spPr>
          <a:xfrm>
            <a:off x="5410200" y="704854"/>
            <a:ext cx="1600200" cy="57150"/>
          </a:xfrm>
          <a:prstGeom prst="rect">
            <a:avLst/>
          </a:prstGeom>
          <a:solidFill>
            <a:srgbClr val="00A4D5"/>
          </a:solidFill>
          <a:ln>
            <a:solidFill>
              <a:srgbClr val="3C9ADC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sp>
        <p:nvSpPr>
          <p:cNvPr id="15" name="Rectangle 14"/>
          <p:cNvSpPr/>
          <p:nvPr userDrawn="1"/>
        </p:nvSpPr>
        <p:spPr>
          <a:xfrm>
            <a:off x="7010400" y="704854"/>
            <a:ext cx="1676400" cy="57150"/>
          </a:xfrm>
          <a:prstGeom prst="rect">
            <a:avLst/>
          </a:prstGeom>
          <a:solidFill>
            <a:srgbClr val="B7CF28"/>
          </a:solidFill>
          <a:ln>
            <a:solidFill>
              <a:srgbClr val="A9B81F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pic>
        <p:nvPicPr>
          <p:cNvPr id="1035" name="Image 7" descr="DLZGroup_cmyk-01.png"/>
          <p:cNvPicPr>
            <a:picLocks noChangeAspect="1"/>
          </p:cNvPicPr>
          <p:nvPr userDrawn="1"/>
        </p:nvPicPr>
        <p:blipFill>
          <a:blip r:embed="rId23"/>
          <a:srcRect/>
          <a:stretch>
            <a:fillRect/>
          </a:stretch>
        </p:blipFill>
        <p:spPr bwMode="auto">
          <a:xfrm>
            <a:off x="473083" y="4829176"/>
            <a:ext cx="1730375" cy="161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Espace réservé de la date 3"/>
          <p:cNvSpPr txBox="1">
            <a:spLocks/>
          </p:cNvSpPr>
          <p:nvPr userDrawn="1"/>
        </p:nvSpPr>
        <p:spPr>
          <a:xfrm>
            <a:off x="7389821" y="4770840"/>
            <a:ext cx="992187" cy="273844"/>
          </a:xfrm>
          <a:prstGeom prst="rect">
            <a:avLst/>
          </a:prstGeom>
        </p:spPr>
        <p:txBody>
          <a:bodyPr lIns="91394" tIns="45697" rIns="91394" bIns="45697" anchor="ctr"/>
          <a:lstStyle>
            <a:lvl1pPr>
              <a:defRPr/>
            </a:lvl1pPr>
          </a:lstStyle>
          <a:p>
            <a:pPr algn="r" defTabSz="456972">
              <a:defRPr/>
            </a:pPr>
            <a:fld id="{9F71DD6F-509B-184A-8AC3-30063A458395}" type="datetime1">
              <a:rPr lang="fr-FR" sz="900" smtClean="0">
                <a:solidFill>
                  <a:prstClr val="white">
                    <a:lumMod val="50000"/>
                  </a:prstClr>
                </a:solidFill>
                <a:ea typeface="ＭＳ Ｐゴシック" pitchFamily="-65" charset="-128"/>
              </a:rPr>
              <a:pPr algn="r" defTabSz="456972">
                <a:defRPr/>
              </a:pPr>
              <a:t>07/05/2018</a:t>
            </a:fld>
            <a:endParaRPr lang="fr-FR" sz="900" dirty="0">
              <a:solidFill>
                <a:prstClr val="white">
                  <a:lumMod val="50000"/>
                </a:prstClr>
              </a:solidFill>
              <a:ea typeface="ＭＳ Ｐゴシック" pitchFamily="-65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294284063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80" r:id="rId18"/>
    <p:sldLayoutId id="2147483681" r:id="rId19"/>
    <p:sldLayoutId id="2147483682" r:id="rId20"/>
    <p:sldLayoutId id="2147483683" r:id="rId21"/>
  </p:sldLayoutIdLst>
  <p:timing>
    <p:tnLst>
      <p:par>
        <p:cTn id="1" dur="indefinite" restart="never" nodeType="tmRoot"/>
      </p:par>
    </p:tnLst>
  </p:timing>
  <p:hf hdr="0"/>
  <p:txStyles>
    <p:titleStyle>
      <a:lvl1pPr algn="l" defTabSz="456972" rtl="0" eaLnBrk="0" fontAlgn="base" hangingPunct="0">
        <a:spcBef>
          <a:spcPct val="0"/>
        </a:spcBef>
        <a:spcAft>
          <a:spcPct val="0"/>
        </a:spcAft>
        <a:defRPr sz="3600" kern="1200">
          <a:solidFill>
            <a:srgbClr val="4F6228"/>
          </a:solidFill>
          <a:latin typeface="Arial"/>
          <a:ea typeface="ＭＳ Ｐゴシック" charset="-128"/>
          <a:cs typeface="ＭＳ Ｐゴシック" pitchFamily="-108" charset="-128"/>
        </a:defRPr>
      </a:lvl1pPr>
      <a:lvl2pPr algn="l" defTabSz="456972" rtl="0" eaLnBrk="0" fontAlgn="base" hangingPunct="0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  <a:cs typeface="ＭＳ Ｐゴシック" pitchFamily="-108" charset="-128"/>
        </a:defRPr>
      </a:lvl2pPr>
      <a:lvl3pPr algn="l" defTabSz="456972" rtl="0" eaLnBrk="0" fontAlgn="base" hangingPunct="0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  <a:cs typeface="ＭＳ Ｐゴシック" pitchFamily="-108" charset="-128"/>
        </a:defRPr>
      </a:lvl3pPr>
      <a:lvl4pPr algn="l" defTabSz="456972" rtl="0" eaLnBrk="0" fontAlgn="base" hangingPunct="0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  <a:cs typeface="ＭＳ Ｐゴシック" pitchFamily="-108" charset="-128"/>
        </a:defRPr>
      </a:lvl4pPr>
      <a:lvl5pPr algn="l" defTabSz="456972" rtl="0" eaLnBrk="0" fontAlgn="base" hangingPunct="0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  <a:cs typeface="ＭＳ Ｐゴシック" pitchFamily="-108" charset="-128"/>
        </a:defRPr>
      </a:lvl5pPr>
      <a:lvl6pPr marL="456972" algn="l" defTabSz="456972" rtl="0" fontAlgn="base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</a:defRPr>
      </a:lvl6pPr>
      <a:lvl7pPr marL="913945" algn="l" defTabSz="456972" rtl="0" fontAlgn="base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</a:defRPr>
      </a:lvl7pPr>
      <a:lvl8pPr marL="1370915" algn="l" defTabSz="456972" rtl="0" fontAlgn="base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</a:defRPr>
      </a:lvl8pPr>
      <a:lvl9pPr marL="1827890" algn="l" defTabSz="456972" rtl="0" fontAlgn="base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</a:defRPr>
      </a:lvl9pPr>
    </p:titleStyle>
    <p:bodyStyle>
      <a:lvl1pPr marL="342730" indent="-342730" algn="l" defTabSz="456972" rtl="0" eaLnBrk="0" fontAlgn="base" hangingPunct="0">
        <a:spcBef>
          <a:spcPct val="20000"/>
        </a:spcBef>
        <a:spcAft>
          <a:spcPct val="0"/>
        </a:spcAft>
        <a:buClr>
          <a:srgbClr val="F79646"/>
        </a:buClr>
        <a:buFont typeface="Arial" pitchFamily="-65" charset="0"/>
        <a:buChar char="•"/>
        <a:defRPr sz="3000" kern="1200" baseline="0">
          <a:solidFill>
            <a:srgbClr val="595959"/>
          </a:solidFill>
          <a:latin typeface="Arial"/>
          <a:ea typeface="ＭＳ Ｐゴシック" charset="-128"/>
          <a:cs typeface="ＭＳ Ｐゴシック" pitchFamily="-108" charset="-128"/>
        </a:defRPr>
      </a:lvl1pPr>
      <a:lvl2pPr marL="742580" indent="-285610" algn="l" defTabSz="456972" rtl="0" eaLnBrk="0" fontAlgn="base" hangingPunct="0">
        <a:spcBef>
          <a:spcPct val="20000"/>
        </a:spcBef>
        <a:spcAft>
          <a:spcPct val="0"/>
        </a:spcAft>
        <a:buClr>
          <a:srgbClr val="F79646"/>
        </a:buClr>
        <a:buFont typeface="Arial" pitchFamily="-65" charset="0"/>
        <a:buChar char="–"/>
        <a:defRPr sz="2800" kern="1200">
          <a:solidFill>
            <a:srgbClr val="595959"/>
          </a:solidFill>
          <a:latin typeface="Arial"/>
          <a:ea typeface="Arial" pitchFamily="-65" charset="0"/>
          <a:cs typeface="Arial"/>
        </a:defRPr>
      </a:lvl2pPr>
      <a:lvl3pPr marL="1142432" indent="-228487" algn="l" defTabSz="456972" rtl="0" eaLnBrk="0" fontAlgn="base" hangingPunct="0">
        <a:spcBef>
          <a:spcPct val="20000"/>
        </a:spcBef>
        <a:spcAft>
          <a:spcPct val="0"/>
        </a:spcAft>
        <a:buClr>
          <a:srgbClr val="F79646"/>
        </a:buClr>
        <a:buFont typeface="Arial" pitchFamily="-65" charset="0"/>
        <a:buChar char="•"/>
        <a:defRPr sz="2600" kern="1200">
          <a:solidFill>
            <a:srgbClr val="595959"/>
          </a:solidFill>
          <a:latin typeface="Arial"/>
          <a:ea typeface="Arial" pitchFamily="-65" charset="0"/>
          <a:cs typeface="Arial"/>
        </a:defRPr>
      </a:lvl3pPr>
      <a:lvl4pPr marL="1599404" indent="-228487" algn="l" defTabSz="456972" rtl="0" eaLnBrk="0" fontAlgn="base" hangingPunct="0">
        <a:spcBef>
          <a:spcPct val="20000"/>
        </a:spcBef>
        <a:spcAft>
          <a:spcPct val="0"/>
        </a:spcAft>
        <a:buClr>
          <a:srgbClr val="F79646"/>
        </a:buClr>
        <a:buFont typeface="Arial" pitchFamily="-65" charset="0"/>
        <a:buChar char="–"/>
        <a:defRPr sz="2400" kern="1200" baseline="0">
          <a:solidFill>
            <a:srgbClr val="595959"/>
          </a:solidFill>
          <a:latin typeface="Arial"/>
          <a:ea typeface="Arial" pitchFamily="-65" charset="0"/>
          <a:cs typeface="Arial"/>
        </a:defRPr>
      </a:lvl4pPr>
      <a:lvl5pPr marL="2056376" indent="-228487" algn="l" defTabSz="456972" rtl="0" eaLnBrk="0" fontAlgn="base" hangingPunct="0">
        <a:spcBef>
          <a:spcPct val="20000"/>
        </a:spcBef>
        <a:spcAft>
          <a:spcPct val="0"/>
        </a:spcAft>
        <a:buClr>
          <a:srgbClr val="F79646"/>
        </a:buClr>
        <a:buFont typeface="Arial" pitchFamily="-65" charset="0"/>
        <a:buChar char="»"/>
        <a:defRPr sz="2200" kern="1200">
          <a:solidFill>
            <a:srgbClr val="595959"/>
          </a:solidFill>
          <a:latin typeface="Arial"/>
          <a:ea typeface="Arial" pitchFamily="-65" charset="0"/>
          <a:cs typeface="Arial"/>
        </a:defRPr>
      </a:lvl5pPr>
      <a:lvl6pPr marL="2513348" indent="-228487" algn="l" defTabSz="456972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0320" indent="-228487" algn="l" defTabSz="456972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7295" indent="-228487" algn="l" defTabSz="456972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4267" indent="-228487" algn="l" defTabSz="456972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fr-FR"/>
      </a:defPPr>
      <a:lvl1pPr marL="0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972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945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915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890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4863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1835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8807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5780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Espace réservé du titre 1"/>
          <p:cNvSpPr>
            <a:spLocks noGrp="1"/>
          </p:cNvSpPr>
          <p:nvPr>
            <p:ph type="title"/>
          </p:nvPr>
        </p:nvSpPr>
        <p:spPr bwMode="auto">
          <a:xfrm>
            <a:off x="457205" y="114301"/>
            <a:ext cx="8229600" cy="6512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nl-BE" dirty="0" smtClean="0"/>
              <a:t>Click to modify the title</a:t>
            </a:r>
            <a:endParaRPr lang="fr-FR" dirty="0"/>
          </a:p>
        </p:txBody>
      </p:sp>
      <p:sp>
        <p:nvSpPr>
          <p:cNvPr id="1027" name="Espace réservé du texte 2"/>
          <p:cNvSpPr>
            <a:spLocks noGrp="1"/>
          </p:cNvSpPr>
          <p:nvPr>
            <p:ph type="body" idx="1"/>
          </p:nvPr>
        </p:nvSpPr>
        <p:spPr bwMode="auto">
          <a:xfrm>
            <a:off x="457205" y="765577"/>
            <a:ext cx="8229600" cy="39826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nl-BE" dirty="0" smtClean="0"/>
              <a:t>Click to modify text</a:t>
            </a:r>
          </a:p>
          <a:p>
            <a:pPr lvl="1"/>
            <a:r>
              <a:rPr lang="nl-BE" dirty="0" smtClean="0"/>
              <a:t>Second level</a:t>
            </a:r>
          </a:p>
          <a:p>
            <a:pPr lvl="2"/>
            <a:r>
              <a:rPr lang="nl-BE" dirty="0" smtClean="0"/>
              <a:t>Third level</a:t>
            </a:r>
          </a:p>
          <a:p>
            <a:pPr lvl="3"/>
            <a:r>
              <a:rPr lang="nl-BE" dirty="0" smtClean="0"/>
              <a:t>Fourth level</a:t>
            </a:r>
          </a:p>
          <a:p>
            <a:pPr lvl="4"/>
            <a:r>
              <a:rPr lang="nl-BE" dirty="0" smtClean="0"/>
              <a:t>Fifth level</a:t>
            </a:r>
            <a:endParaRPr lang="fr-FR" dirty="0"/>
          </a:p>
        </p:txBody>
      </p:sp>
      <p:sp>
        <p:nvSpPr>
          <p:cNvPr id="6" name="Espace réservé du numéro de diapositive 5"/>
          <p:cNvSpPr>
            <a:spLocks noGrp="1"/>
          </p:cNvSpPr>
          <p:nvPr>
            <p:ph type="sldNum" sz="quarter" idx="4"/>
          </p:nvPr>
        </p:nvSpPr>
        <p:spPr>
          <a:xfrm>
            <a:off x="8183566" y="4767267"/>
            <a:ext cx="503237" cy="273844"/>
          </a:xfrm>
          <a:prstGeom prst="rect">
            <a:avLst/>
          </a:prstGeom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r">
              <a:defRPr sz="900">
                <a:solidFill>
                  <a:srgbClr val="404040"/>
                </a:solidFill>
                <a:latin typeface="Arial" charset="0"/>
                <a:ea typeface="Arial" charset="0"/>
                <a:cs typeface="Arial" charset="0"/>
              </a:defRPr>
            </a:lvl1pPr>
          </a:lstStyle>
          <a:p>
            <a:pPr defTabSz="456972"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fr-FR" dirty="0"/>
              <a:t>| </a:t>
            </a:r>
            <a:r>
              <a:rPr lang="en-US" dirty="0"/>
              <a:t> </a:t>
            </a:r>
            <a:fld id="{E8EA0C20-C23B-EC45-AFCE-E5370929061F}" type="slidenum">
              <a:rPr lang="en-US"/>
              <a:pPr defTabSz="456972" fontAlgn="base"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fr-FR" dirty="0"/>
          </a:p>
        </p:txBody>
      </p:sp>
      <p:cxnSp>
        <p:nvCxnSpPr>
          <p:cNvPr id="8" name="Connecteur droit 7"/>
          <p:cNvCxnSpPr/>
          <p:nvPr userDrawn="1"/>
        </p:nvCxnSpPr>
        <p:spPr>
          <a:xfrm>
            <a:off x="457205" y="4762501"/>
            <a:ext cx="8229600" cy="1191"/>
          </a:xfrm>
          <a:prstGeom prst="line">
            <a:avLst/>
          </a:prstGeom>
          <a:ln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1" name="Rectangle 10"/>
          <p:cNvSpPr/>
          <p:nvPr userDrawn="1"/>
        </p:nvSpPr>
        <p:spPr>
          <a:xfrm>
            <a:off x="457200" y="704854"/>
            <a:ext cx="1676400" cy="57150"/>
          </a:xfrm>
          <a:prstGeom prst="rect">
            <a:avLst/>
          </a:prstGeom>
          <a:solidFill>
            <a:srgbClr val="E86A37"/>
          </a:solidFill>
          <a:ln>
            <a:solidFill>
              <a:srgbClr val="DA7B33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sp>
        <p:nvSpPr>
          <p:cNvPr id="12" name="Rectangle 11"/>
          <p:cNvSpPr/>
          <p:nvPr userDrawn="1"/>
        </p:nvSpPr>
        <p:spPr>
          <a:xfrm>
            <a:off x="2133603" y="704854"/>
            <a:ext cx="1600200" cy="57150"/>
          </a:xfrm>
          <a:prstGeom prst="rect">
            <a:avLst/>
          </a:prstGeom>
          <a:solidFill>
            <a:srgbClr val="D63668"/>
          </a:solidFill>
          <a:ln>
            <a:solidFill>
              <a:srgbClr val="B94865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3733800" y="704854"/>
            <a:ext cx="1676400" cy="57150"/>
          </a:xfrm>
          <a:prstGeom prst="rect">
            <a:avLst/>
          </a:prstGeom>
          <a:solidFill>
            <a:srgbClr val="8B387B"/>
          </a:solidFill>
          <a:ln>
            <a:solidFill>
              <a:srgbClr val="87458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sp>
        <p:nvSpPr>
          <p:cNvPr id="14" name="Rectangle 13"/>
          <p:cNvSpPr/>
          <p:nvPr userDrawn="1"/>
        </p:nvSpPr>
        <p:spPr>
          <a:xfrm>
            <a:off x="5410200" y="704854"/>
            <a:ext cx="1600200" cy="57150"/>
          </a:xfrm>
          <a:prstGeom prst="rect">
            <a:avLst/>
          </a:prstGeom>
          <a:solidFill>
            <a:srgbClr val="00A4D5"/>
          </a:solidFill>
          <a:ln>
            <a:solidFill>
              <a:srgbClr val="3C9ADC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sp>
        <p:nvSpPr>
          <p:cNvPr id="15" name="Rectangle 14"/>
          <p:cNvSpPr/>
          <p:nvPr userDrawn="1"/>
        </p:nvSpPr>
        <p:spPr>
          <a:xfrm>
            <a:off x="7010400" y="704854"/>
            <a:ext cx="1676400" cy="57150"/>
          </a:xfrm>
          <a:prstGeom prst="rect">
            <a:avLst/>
          </a:prstGeom>
          <a:solidFill>
            <a:srgbClr val="B7CF28"/>
          </a:solidFill>
          <a:ln>
            <a:solidFill>
              <a:srgbClr val="A9B81F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394" tIns="45697" rIns="91394" bIns="45697" anchor="ctr"/>
          <a:lstStyle/>
          <a:p>
            <a:pPr algn="ctr" defTabSz="456972">
              <a:defRPr/>
            </a:pPr>
            <a:endParaRPr lang="fr-FR" dirty="0">
              <a:solidFill>
                <a:prstClr val="white"/>
              </a:solidFill>
            </a:endParaRPr>
          </a:p>
        </p:txBody>
      </p:sp>
      <p:pic>
        <p:nvPicPr>
          <p:cNvPr id="1035" name="Image 7" descr="DLZGroup_cmyk-01.png"/>
          <p:cNvPicPr>
            <a:picLocks noChangeAspect="1"/>
          </p:cNvPicPr>
          <p:nvPr userDrawn="1"/>
        </p:nvPicPr>
        <p:blipFill>
          <a:blip r:embed="rId2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3083" y="4829176"/>
            <a:ext cx="1730375" cy="161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Espace réservé de la date 3"/>
          <p:cNvSpPr txBox="1">
            <a:spLocks/>
          </p:cNvSpPr>
          <p:nvPr userDrawn="1"/>
        </p:nvSpPr>
        <p:spPr>
          <a:xfrm>
            <a:off x="7389821" y="4770840"/>
            <a:ext cx="992187" cy="273844"/>
          </a:xfrm>
          <a:prstGeom prst="rect">
            <a:avLst/>
          </a:prstGeom>
        </p:spPr>
        <p:txBody>
          <a:bodyPr lIns="91394" tIns="45697" rIns="91394" bIns="45697" anchor="ctr"/>
          <a:lstStyle>
            <a:lvl1pPr>
              <a:defRPr/>
            </a:lvl1pPr>
          </a:lstStyle>
          <a:p>
            <a:pPr algn="r" defTabSz="456972">
              <a:defRPr/>
            </a:pPr>
            <a:fld id="{9F71DD6F-509B-184A-8AC3-30063A458395}" type="datetime1">
              <a:rPr lang="fr-FR" sz="900" smtClean="0">
                <a:solidFill>
                  <a:prstClr val="white">
                    <a:lumMod val="50000"/>
                  </a:prstClr>
                </a:solidFill>
                <a:ea typeface="ＭＳ Ｐゴシック" pitchFamily="-65" charset="-128"/>
              </a:rPr>
              <a:pPr algn="r" defTabSz="456972">
                <a:defRPr/>
              </a:pPr>
              <a:t>07/05/2018</a:t>
            </a:fld>
            <a:endParaRPr lang="fr-FR" sz="900" dirty="0">
              <a:solidFill>
                <a:prstClr val="white">
                  <a:lumMod val="50000"/>
                </a:prstClr>
              </a:solidFill>
              <a:ea typeface="ＭＳ Ｐゴシック" pitchFamily="-65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81248747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6" r:id="rId1"/>
    <p:sldLayoutId id="2147483687" r:id="rId2"/>
    <p:sldLayoutId id="2147483688" r:id="rId3"/>
    <p:sldLayoutId id="2147483689" r:id="rId4"/>
    <p:sldLayoutId id="2147483690" r:id="rId5"/>
    <p:sldLayoutId id="2147483691" r:id="rId6"/>
    <p:sldLayoutId id="2147483692" r:id="rId7"/>
    <p:sldLayoutId id="2147483693" r:id="rId8"/>
    <p:sldLayoutId id="2147483694" r:id="rId9"/>
    <p:sldLayoutId id="2147483695" r:id="rId10"/>
    <p:sldLayoutId id="2147483696" r:id="rId11"/>
    <p:sldLayoutId id="2147483697" r:id="rId12"/>
    <p:sldLayoutId id="2147483698" r:id="rId13"/>
    <p:sldLayoutId id="2147483699" r:id="rId14"/>
    <p:sldLayoutId id="2147483700" r:id="rId15"/>
    <p:sldLayoutId id="2147483701" r:id="rId16"/>
    <p:sldLayoutId id="2147483702" r:id="rId17"/>
    <p:sldLayoutId id="2147483703" r:id="rId18"/>
    <p:sldLayoutId id="2147483704" r:id="rId19"/>
    <p:sldLayoutId id="2147483705" r:id="rId20"/>
    <p:sldLayoutId id="2147483706" r:id="rId21"/>
    <p:sldLayoutId id="2147483707" r:id="rId22"/>
  </p:sldLayoutIdLst>
  <p:timing>
    <p:tnLst>
      <p:par>
        <p:cTn id="1" dur="indefinite" restart="never" nodeType="tmRoot"/>
      </p:par>
    </p:tnLst>
  </p:timing>
  <p:hf hdr="0"/>
  <p:txStyles>
    <p:titleStyle>
      <a:lvl1pPr algn="l" defTabSz="456972" rtl="0" eaLnBrk="0" fontAlgn="base" hangingPunct="0">
        <a:spcBef>
          <a:spcPct val="0"/>
        </a:spcBef>
        <a:spcAft>
          <a:spcPct val="0"/>
        </a:spcAft>
        <a:defRPr sz="3600" kern="1200">
          <a:solidFill>
            <a:srgbClr val="4F6228"/>
          </a:solidFill>
          <a:latin typeface="Arial"/>
          <a:ea typeface="ＭＳ Ｐゴシック" charset="-128"/>
          <a:cs typeface="ＭＳ Ｐゴシック" pitchFamily="-108" charset="-128"/>
        </a:defRPr>
      </a:lvl1pPr>
      <a:lvl2pPr algn="l" defTabSz="456972" rtl="0" eaLnBrk="0" fontAlgn="base" hangingPunct="0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  <a:cs typeface="ＭＳ Ｐゴシック" pitchFamily="-108" charset="-128"/>
        </a:defRPr>
      </a:lvl2pPr>
      <a:lvl3pPr algn="l" defTabSz="456972" rtl="0" eaLnBrk="0" fontAlgn="base" hangingPunct="0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  <a:cs typeface="ＭＳ Ｐゴシック" pitchFamily="-108" charset="-128"/>
        </a:defRPr>
      </a:lvl3pPr>
      <a:lvl4pPr algn="l" defTabSz="456972" rtl="0" eaLnBrk="0" fontAlgn="base" hangingPunct="0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  <a:cs typeface="ＭＳ Ｐゴシック" pitchFamily="-108" charset="-128"/>
        </a:defRPr>
      </a:lvl4pPr>
      <a:lvl5pPr algn="l" defTabSz="456972" rtl="0" eaLnBrk="0" fontAlgn="base" hangingPunct="0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  <a:cs typeface="ＭＳ Ｐゴシック" pitchFamily="-108" charset="-128"/>
        </a:defRPr>
      </a:lvl5pPr>
      <a:lvl6pPr marL="456972" algn="l" defTabSz="456972" rtl="0" fontAlgn="base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</a:defRPr>
      </a:lvl6pPr>
      <a:lvl7pPr marL="913945" algn="l" defTabSz="456972" rtl="0" fontAlgn="base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</a:defRPr>
      </a:lvl7pPr>
      <a:lvl8pPr marL="1370915" algn="l" defTabSz="456972" rtl="0" fontAlgn="base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</a:defRPr>
      </a:lvl8pPr>
      <a:lvl9pPr marL="1827890" algn="l" defTabSz="456972" rtl="0" fontAlgn="base">
        <a:spcBef>
          <a:spcPct val="0"/>
        </a:spcBef>
        <a:spcAft>
          <a:spcPct val="0"/>
        </a:spcAft>
        <a:defRPr sz="3600">
          <a:solidFill>
            <a:srgbClr val="4F6228"/>
          </a:solidFill>
          <a:latin typeface="Arial" charset="0"/>
          <a:ea typeface="ＭＳ Ｐゴシック" charset="-128"/>
        </a:defRPr>
      </a:lvl9pPr>
    </p:titleStyle>
    <p:bodyStyle>
      <a:lvl1pPr marL="342730" indent="-342730" algn="l" defTabSz="456972" rtl="0" eaLnBrk="0" fontAlgn="base" hangingPunct="0">
        <a:spcBef>
          <a:spcPct val="20000"/>
        </a:spcBef>
        <a:spcAft>
          <a:spcPct val="0"/>
        </a:spcAft>
        <a:buClr>
          <a:srgbClr val="F79646"/>
        </a:buClr>
        <a:buFont typeface="Arial" pitchFamily="-65" charset="0"/>
        <a:buChar char="•"/>
        <a:defRPr sz="3000" kern="1200" baseline="0">
          <a:solidFill>
            <a:srgbClr val="595959"/>
          </a:solidFill>
          <a:latin typeface="Arial"/>
          <a:ea typeface="ＭＳ Ｐゴシック" charset="-128"/>
          <a:cs typeface="ＭＳ Ｐゴシック" pitchFamily="-108" charset="-128"/>
        </a:defRPr>
      </a:lvl1pPr>
      <a:lvl2pPr marL="742580" indent="-285610" algn="l" defTabSz="456972" rtl="0" eaLnBrk="0" fontAlgn="base" hangingPunct="0">
        <a:spcBef>
          <a:spcPct val="20000"/>
        </a:spcBef>
        <a:spcAft>
          <a:spcPct val="0"/>
        </a:spcAft>
        <a:buClr>
          <a:srgbClr val="F79646"/>
        </a:buClr>
        <a:buFont typeface="Arial" pitchFamily="-65" charset="0"/>
        <a:buChar char="–"/>
        <a:defRPr sz="2800" kern="1200">
          <a:solidFill>
            <a:srgbClr val="595959"/>
          </a:solidFill>
          <a:latin typeface="Arial"/>
          <a:ea typeface="Arial" pitchFamily="-65" charset="0"/>
          <a:cs typeface="Arial"/>
        </a:defRPr>
      </a:lvl2pPr>
      <a:lvl3pPr marL="1142432" indent="-228487" algn="l" defTabSz="456972" rtl="0" eaLnBrk="0" fontAlgn="base" hangingPunct="0">
        <a:spcBef>
          <a:spcPct val="20000"/>
        </a:spcBef>
        <a:spcAft>
          <a:spcPct val="0"/>
        </a:spcAft>
        <a:buClr>
          <a:srgbClr val="F79646"/>
        </a:buClr>
        <a:buFont typeface="Arial" pitchFamily="-65" charset="0"/>
        <a:buChar char="•"/>
        <a:defRPr sz="2600" kern="1200">
          <a:solidFill>
            <a:srgbClr val="595959"/>
          </a:solidFill>
          <a:latin typeface="Arial"/>
          <a:ea typeface="Arial" pitchFamily="-65" charset="0"/>
          <a:cs typeface="Arial"/>
        </a:defRPr>
      </a:lvl3pPr>
      <a:lvl4pPr marL="1599404" indent="-228487" algn="l" defTabSz="456972" rtl="0" eaLnBrk="0" fontAlgn="base" hangingPunct="0">
        <a:spcBef>
          <a:spcPct val="20000"/>
        </a:spcBef>
        <a:spcAft>
          <a:spcPct val="0"/>
        </a:spcAft>
        <a:buClr>
          <a:srgbClr val="F79646"/>
        </a:buClr>
        <a:buFont typeface="Arial" pitchFamily="-65" charset="0"/>
        <a:buChar char="–"/>
        <a:defRPr sz="2400" kern="1200" baseline="0">
          <a:solidFill>
            <a:srgbClr val="595959"/>
          </a:solidFill>
          <a:latin typeface="Arial"/>
          <a:ea typeface="Arial" pitchFamily="-65" charset="0"/>
          <a:cs typeface="Arial"/>
        </a:defRPr>
      </a:lvl4pPr>
      <a:lvl5pPr marL="2056376" indent="-228487" algn="l" defTabSz="456972" rtl="0" eaLnBrk="0" fontAlgn="base" hangingPunct="0">
        <a:spcBef>
          <a:spcPct val="20000"/>
        </a:spcBef>
        <a:spcAft>
          <a:spcPct val="0"/>
        </a:spcAft>
        <a:buClr>
          <a:srgbClr val="F79646"/>
        </a:buClr>
        <a:buFont typeface="Arial" pitchFamily="-65" charset="0"/>
        <a:buChar char="»"/>
        <a:defRPr sz="2200" kern="1200">
          <a:solidFill>
            <a:srgbClr val="595959"/>
          </a:solidFill>
          <a:latin typeface="Arial"/>
          <a:ea typeface="Arial" pitchFamily="-65" charset="0"/>
          <a:cs typeface="Arial"/>
        </a:defRPr>
      </a:lvl5pPr>
      <a:lvl6pPr marL="2513348" indent="-228487" algn="l" defTabSz="456972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0320" indent="-228487" algn="l" defTabSz="456972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7295" indent="-228487" algn="l" defTabSz="456972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4267" indent="-228487" algn="l" defTabSz="456972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fr-FR"/>
      </a:defPPr>
      <a:lvl1pPr marL="0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972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945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915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890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4863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1835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8807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5780" algn="l" defTabSz="456972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2.png"/><Relationship Id="rId2" Type="http://schemas.openxmlformats.org/officeDocument/2006/relationships/tags" Target="../tags/tag1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10.emf"/><Relationship Id="rId5" Type="http://schemas.openxmlformats.org/officeDocument/2006/relationships/oleObject" Target="../embeddings/oleObject1.bin"/><Relationship Id="rId4" Type="http://schemas.openxmlformats.org/officeDocument/2006/relationships/image" Target="../media/image11.jpeg"/><Relationship Id="rId9" Type="http://schemas.openxmlformats.org/officeDocument/2006/relationships/image" Target="../media/image14.png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30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0.emf"/><Relationship Id="rId2" Type="http://schemas.openxmlformats.org/officeDocument/2006/relationships/tags" Target="../tags/tag3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3.bin"/><Relationship Id="rId5" Type="http://schemas.openxmlformats.org/officeDocument/2006/relationships/image" Target="../media/image11.jpeg"/><Relationship Id="rId4" Type="http://schemas.openxmlformats.org/officeDocument/2006/relationships/notesSlide" Target="../notesSlides/notesSlide2.xml"/><Relationship Id="rId9" Type="http://schemas.openxmlformats.org/officeDocument/2006/relationships/image" Target="../media/image16.pn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31.jpeg"/><Relationship Id="rId2" Type="http://schemas.openxmlformats.org/officeDocument/2006/relationships/tags" Target="../tags/tag4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10.emf"/><Relationship Id="rId5" Type="http://schemas.openxmlformats.org/officeDocument/2006/relationships/oleObject" Target="../embeddings/oleObject4.bin"/><Relationship Id="rId4" Type="http://schemas.openxmlformats.org/officeDocument/2006/relationships/image" Target="../media/image11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png"/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20.xml"/><Relationship Id="rId4" Type="http://schemas.openxmlformats.org/officeDocument/2006/relationships/image" Target="../media/image16.pn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8.jpeg"/><Relationship Id="rId3" Type="http://schemas.openxmlformats.org/officeDocument/2006/relationships/image" Target="../media/image33.jpeg"/><Relationship Id="rId7" Type="http://schemas.openxmlformats.org/officeDocument/2006/relationships/image" Target="../media/image37.jpeg"/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20.xml"/><Relationship Id="rId6" Type="http://schemas.openxmlformats.org/officeDocument/2006/relationships/image" Target="../media/image36.jpeg"/><Relationship Id="rId5" Type="http://schemas.openxmlformats.org/officeDocument/2006/relationships/image" Target="../media/image35.jpeg"/><Relationship Id="rId10" Type="http://schemas.openxmlformats.org/officeDocument/2006/relationships/image" Target="../media/image16.png"/><Relationship Id="rId4" Type="http://schemas.openxmlformats.org/officeDocument/2006/relationships/image" Target="../media/image34.jpeg"/><Relationship Id="rId9" Type="http://schemas.openxmlformats.org/officeDocument/2006/relationships/image" Target="../media/image39.png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44.jpeg"/><Relationship Id="rId3" Type="http://schemas.openxmlformats.org/officeDocument/2006/relationships/image" Target="../media/image40.png"/><Relationship Id="rId7" Type="http://schemas.openxmlformats.org/officeDocument/2006/relationships/image" Target="../media/image43.jpeg"/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21.xml"/><Relationship Id="rId6" Type="http://schemas.openxmlformats.org/officeDocument/2006/relationships/image" Target="../media/image42.jpeg"/><Relationship Id="rId5" Type="http://schemas.openxmlformats.org/officeDocument/2006/relationships/image" Target="../media/image41.jpeg"/><Relationship Id="rId10" Type="http://schemas.openxmlformats.org/officeDocument/2006/relationships/image" Target="../media/image16.png"/><Relationship Id="rId4" Type="http://schemas.microsoft.com/office/2007/relationships/hdphoto" Target="../media/hdphoto1.wdp"/><Relationship Id="rId9" Type="http://schemas.openxmlformats.org/officeDocument/2006/relationships/image" Target="../media/image45.jpe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6.png"/><Relationship Id="rId2" Type="http://schemas.openxmlformats.org/officeDocument/2006/relationships/tags" Target="../tags/tag5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46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5.bin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6" Type="http://schemas.openxmlformats.org/officeDocument/2006/relationships/image" Target="../media/image16.png"/><Relationship Id="rId5" Type="http://schemas.openxmlformats.org/officeDocument/2006/relationships/image" Target="../media/image11.jpeg"/><Relationship Id="rId4" Type="http://schemas.openxmlformats.org/officeDocument/2006/relationships/notesSlide" Target="../notesSlides/notesSlide3.xml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.bin"/><Relationship Id="rId3" Type="http://schemas.openxmlformats.org/officeDocument/2006/relationships/tags" Target="../tags/tag9.xml"/><Relationship Id="rId7" Type="http://schemas.openxmlformats.org/officeDocument/2006/relationships/image" Target="../media/image47.emf"/><Relationship Id="rId2" Type="http://schemas.openxmlformats.org/officeDocument/2006/relationships/tags" Target="../tags/tag8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11.jpeg"/><Relationship Id="rId11" Type="http://schemas.openxmlformats.org/officeDocument/2006/relationships/image" Target="../media/image16.png"/><Relationship Id="rId5" Type="http://schemas.openxmlformats.org/officeDocument/2006/relationships/notesSlide" Target="../notesSlides/notesSlide4.xml"/><Relationship Id="rId10" Type="http://schemas.openxmlformats.org/officeDocument/2006/relationships/image" Target="../media/image48.emf"/><Relationship Id="rId4" Type="http://schemas.openxmlformats.org/officeDocument/2006/relationships/slideLayout" Target="../slideLayouts/slideLayout2.xml"/><Relationship Id="rId9" Type="http://schemas.openxmlformats.org/officeDocument/2006/relationships/image" Target="../media/image10.emf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0.emf"/><Relationship Id="rId3" Type="http://schemas.openxmlformats.org/officeDocument/2006/relationships/slideLayout" Target="../slideLayouts/slideLayout15.xml"/><Relationship Id="rId7" Type="http://schemas.openxmlformats.org/officeDocument/2006/relationships/image" Target="../media/image49.emf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16.png"/><Relationship Id="rId5" Type="http://schemas.openxmlformats.org/officeDocument/2006/relationships/image" Target="../media/image11.jpeg"/><Relationship Id="rId4" Type="http://schemas.openxmlformats.org/officeDocument/2006/relationships/notesSlide" Target="../notesSlides/notesSlide5.xml"/><Relationship Id="rId9" Type="http://schemas.openxmlformats.org/officeDocument/2006/relationships/image" Target="../media/image51.png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0.emf"/><Relationship Id="rId2" Type="http://schemas.openxmlformats.org/officeDocument/2006/relationships/tags" Target="../tags/tag12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7.bin"/><Relationship Id="rId5" Type="http://schemas.openxmlformats.org/officeDocument/2006/relationships/image" Target="../media/image11.jpeg"/><Relationship Id="rId10" Type="http://schemas.openxmlformats.org/officeDocument/2006/relationships/image" Target="../media/image53.png"/><Relationship Id="rId4" Type="http://schemas.openxmlformats.org/officeDocument/2006/relationships/notesSlide" Target="../notesSlides/notesSlide6.xml"/><Relationship Id="rId9" Type="http://schemas.openxmlformats.org/officeDocument/2006/relationships/image" Target="../media/image52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6.png"/><Relationship Id="rId2" Type="http://schemas.openxmlformats.org/officeDocument/2006/relationships/tags" Target="../tags/tag2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15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2.bin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0.emf"/><Relationship Id="rId2" Type="http://schemas.openxmlformats.org/officeDocument/2006/relationships/tags" Target="../tags/tag13.xml"/><Relationship Id="rId1" Type="http://schemas.openxmlformats.org/officeDocument/2006/relationships/vmlDrawing" Target="../drawings/vmlDrawing8.vml"/><Relationship Id="rId6" Type="http://schemas.openxmlformats.org/officeDocument/2006/relationships/oleObject" Target="../embeddings/oleObject8.bin"/><Relationship Id="rId11" Type="http://schemas.openxmlformats.org/officeDocument/2006/relationships/image" Target="../media/image54.emf"/><Relationship Id="rId5" Type="http://schemas.openxmlformats.org/officeDocument/2006/relationships/image" Target="../media/image11.jpeg"/><Relationship Id="rId10" Type="http://schemas.openxmlformats.org/officeDocument/2006/relationships/package" Target="../embeddings/Microsoft_Excel_Worksheet1.xlsx"/><Relationship Id="rId4" Type="http://schemas.openxmlformats.org/officeDocument/2006/relationships/notesSlide" Target="../notesSlides/notesSlide7.xml"/><Relationship Id="rId9" Type="http://schemas.openxmlformats.org/officeDocument/2006/relationships/oleObject" Target="../embeddings/oleObject9.bin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0.emf"/><Relationship Id="rId2" Type="http://schemas.openxmlformats.org/officeDocument/2006/relationships/tags" Target="../tags/tag14.xml"/><Relationship Id="rId1" Type="http://schemas.openxmlformats.org/officeDocument/2006/relationships/vmlDrawing" Target="../drawings/vmlDrawing9.vml"/><Relationship Id="rId6" Type="http://schemas.openxmlformats.org/officeDocument/2006/relationships/oleObject" Target="../embeddings/oleObject10.bin"/><Relationship Id="rId5" Type="http://schemas.openxmlformats.org/officeDocument/2006/relationships/image" Target="../media/image11.jpeg"/><Relationship Id="rId4" Type="http://schemas.openxmlformats.org/officeDocument/2006/relationships/notesSlide" Target="../notesSlides/notesSlide8.xml"/><Relationship Id="rId9" Type="http://schemas.openxmlformats.org/officeDocument/2006/relationships/image" Target="../media/image55.png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6.emf"/><Relationship Id="rId13" Type="http://schemas.openxmlformats.org/officeDocument/2006/relationships/image" Target="../media/image60.emf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0.emf"/><Relationship Id="rId12" Type="http://schemas.openxmlformats.org/officeDocument/2006/relationships/image" Target="../media/image16.png"/><Relationship Id="rId2" Type="http://schemas.openxmlformats.org/officeDocument/2006/relationships/tags" Target="../tags/tag15.xml"/><Relationship Id="rId1" Type="http://schemas.openxmlformats.org/officeDocument/2006/relationships/vmlDrawing" Target="../drawings/vmlDrawing10.vml"/><Relationship Id="rId6" Type="http://schemas.openxmlformats.org/officeDocument/2006/relationships/oleObject" Target="../embeddings/oleObject11.bin"/><Relationship Id="rId11" Type="http://schemas.openxmlformats.org/officeDocument/2006/relationships/image" Target="../media/image59.emf"/><Relationship Id="rId5" Type="http://schemas.openxmlformats.org/officeDocument/2006/relationships/image" Target="../media/image11.jpeg"/><Relationship Id="rId10" Type="http://schemas.openxmlformats.org/officeDocument/2006/relationships/image" Target="../media/image58.emf"/><Relationship Id="rId4" Type="http://schemas.openxmlformats.org/officeDocument/2006/relationships/notesSlide" Target="../notesSlides/notesSlide9.xml"/><Relationship Id="rId9" Type="http://schemas.openxmlformats.org/officeDocument/2006/relationships/image" Target="../media/image57.emf"/><Relationship Id="rId14" Type="http://schemas.openxmlformats.org/officeDocument/2006/relationships/image" Target="../media/image61.pn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6.png"/><Relationship Id="rId2" Type="http://schemas.openxmlformats.org/officeDocument/2006/relationships/tags" Target="../tags/tag16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62.jpe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2.bin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15.xml"/><Relationship Id="rId5" Type="http://schemas.openxmlformats.org/officeDocument/2006/relationships/image" Target="../media/image16.png"/><Relationship Id="rId4" Type="http://schemas.openxmlformats.org/officeDocument/2006/relationships/image" Target="../media/image63.png"/></Relationships>
</file>

<file path=ppt/slides/_rels/slide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68.png"/><Relationship Id="rId13" Type="http://schemas.openxmlformats.org/officeDocument/2006/relationships/image" Target="../media/image16.png"/><Relationship Id="rId3" Type="http://schemas.openxmlformats.org/officeDocument/2006/relationships/image" Target="../media/image11.jpeg"/><Relationship Id="rId7" Type="http://schemas.openxmlformats.org/officeDocument/2006/relationships/image" Target="../media/image67.png"/><Relationship Id="rId12" Type="http://schemas.openxmlformats.org/officeDocument/2006/relationships/image" Target="../media/image72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15.xml"/><Relationship Id="rId6" Type="http://schemas.openxmlformats.org/officeDocument/2006/relationships/image" Target="../media/image66.png"/><Relationship Id="rId11" Type="http://schemas.openxmlformats.org/officeDocument/2006/relationships/image" Target="../media/image71.png"/><Relationship Id="rId5" Type="http://schemas.openxmlformats.org/officeDocument/2006/relationships/image" Target="../media/image65.png"/><Relationship Id="rId10" Type="http://schemas.openxmlformats.org/officeDocument/2006/relationships/image" Target="../media/image70.png"/><Relationship Id="rId4" Type="http://schemas.openxmlformats.org/officeDocument/2006/relationships/image" Target="../media/image64.jpeg"/><Relationship Id="rId9" Type="http://schemas.openxmlformats.org/officeDocument/2006/relationships/image" Target="../media/image69.png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73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0.emf"/><Relationship Id="rId2" Type="http://schemas.openxmlformats.org/officeDocument/2006/relationships/tags" Target="../tags/tag17.xml"/><Relationship Id="rId1" Type="http://schemas.openxmlformats.org/officeDocument/2006/relationships/vmlDrawing" Target="../drawings/vmlDrawing12.vml"/><Relationship Id="rId6" Type="http://schemas.openxmlformats.org/officeDocument/2006/relationships/oleObject" Target="../embeddings/oleObject13.bin"/><Relationship Id="rId5" Type="http://schemas.openxmlformats.org/officeDocument/2006/relationships/image" Target="../media/image11.jpeg"/><Relationship Id="rId10" Type="http://schemas.openxmlformats.org/officeDocument/2006/relationships/image" Target="../media/image74.emf"/><Relationship Id="rId4" Type="http://schemas.openxmlformats.org/officeDocument/2006/relationships/notesSlide" Target="../notesSlides/notesSlide12.xml"/><Relationship Id="rId9" Type="http://schemas.openxmlformats.org/officeDocument/2006/relationships/image" Target="../media/image16.png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10.emf"/><Relationship Id="rId2" Type="http://schemas.openxmlformats.org/officeDocument/2006/relationships/tags" Target="../tags/tag18.xml"/><Relationship Id="rId1" Type="http://schemas.openxmlformats.org/officeDocument/2006/relationships/vmlDrawing" Target="../drawings/vmlDrawing13.vml"/><Relationship Id="rId6" Type="http://schemas.openxmlformats.org/officeDocument/2006/relationships/oleObject" Target="../embeddings/oleObject14.bin"/><Relationship Id="rId5" Type="http://schemas.openxmlformats.org/officeDocument/2006/relationships/image" Target="../media/image11.jpeg"/><Relationship Id="rId10" Type="http://schemas.openxmlformats.org/officeDocument/2006/relationships/image" Target="../media/image76.emf"/><Relationship Id="rId4" Type="http://schemas.openxmlformats.org/officeDocument/2006/relationships/notesSlide" Target="../notesSlides/notesSlide13.xml"/><Relationship Id="rId9" Type="http://schemas.openxmlformats.org/officeDocument/2006/relationships/image" Target="../media/image75.png"/></Relationships>
</file>

<file path=ppt/slides/_rels/slide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77.jpeg"/><Relationship Id="rId3" Type="http://schemas.openxmlformats.org/officeDocument/2006/relationships/slideLayout" Target="../slideLayouts/slideLayout23.xml"/><Relationship Id="rId7" Type="http://schemas.openxmlformats.org/officeDocument/2006/relationships/image" Target="../media/image10.emf"/><Relationship Id="rId12" Type="http://schemas.openxmlformats.org/officeDocument/2006/relationships/image" Target="../media/image16.png"/><Relationship Id="rId2" Type="http://schemas.openxmlformats.org/officeDocument/2006/relationships/tags" Target="../tags/tag19.xml"/><Relationship Id="rId1" Type="http://schemas.openxmlformats.org/officeDocument/2006/relationships/vmlDrawing" Target="../drawings/vmlDrawing14.vml"/><Relationship Id="rId6" Type="http://schemas.openxmlformats.org/officeDocument/2006/relationships/oleObject" Target="../embeddings/oleObject15.bin"/><Relationship Id="rId11" Type="http://schemas.openxmlformats.org/officeDocument/2006/relationships/image" Target="../media/image80.jpeg"/><Relationship Id="rId5" Type="http://schemas.openxmlformats.org/officeDocument/2006/relationships/image" Target="../media/image11.jpeg"/><Relationship Id="rId10" Type="http://schemas.openxmlformats.org/officeDocument/2006/relationships/image" Target="../media/image79.jpeg"/><Relationship Id="rId4" Type="http://schemas.openxmlformats.org/officeDocument/2006/relationships/notesSlide" Target="../notesSlides/notesSlide14.xml"/><Relationship Id="rId9" Type="http://schemas.openxmlformats.org/officeDocument/2006/relationships/image" Target="../media/image78.jpeg"/></Relationships>
</file>

<file path=ppt/slides/_rels/slide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81.png"/><Relationship Id="rId13" Type="http://schemas.openxmlformats.org/officeDocument/2006/relationships/image" Target="../media/image16.png"/><Relationship Id="rId3" Type="http://schemas.openxmlformats.org/officeDocument/2006/relationships/slideLayout" Target="../slideLayouts/slideLayout23.xml"/><Relationship Id="rId7" Type="http://schemas.openxmlformats.org/officeDocument/2006/relationships/image" Target="../media/image10.emf"/><Relationship Id="rId12" Type="http://schemas.openxmlformats.org/officeDocument/2006/relationships/image" Target="../media/image85.png"/><Relationship Id="rId2" Type="http://schemas.openxmlformats.org/officeDocument/2006/relationships/tags" Target="../tags/tag20.xml"/><Relationship Id="rId1" Type="http://schemas.openxmlformats.org/officeDocument/2006/relationships/vmlDrawing" Target="../drawings/vmlDrawing15.vml"/><Relationship Id="rId6" Type="http://schemas.openxmlformats.org/officeDocument/2006/relationships/oleObject" Target="../embeddings/oleObject16.bin"/><Relationship Id="rId11" Type="http://schemas.openxmlformats.org/officeDocument/2006/relationships/image" Target="../media/image84.png"/><Relationship Id="rId5" Type="http://schemas.openxmlformats.org/officeDocument/2006/relationships/image" Target="../media/image11.jpeg"/><Relationship Id="rId10" Type="http://schemas.openxmlformats.org/officeDocument/2006/relationships/image" Target="../media/image83.jpeg"/><Relationship Id="rId4" Type="http://schemas.openxmlformats.org/officeDocument/2006/relationships/notesSlide" Target="../notesSlides/notesSlide15.xml"/><Relationship Id="rId9" Type="http://schemas.openxmlformats.org/officeDocument/2006/relationships/image" Target="../media/image82.jpe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image" Target="../media/image17.jpeg"/><Relationship Id="rId1" Type="http://schemas.openxmlformats.org/officeDocument/2006/relationships/slideLayout" Target="../slideLayouts/slideLayout2.xml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7.bin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87.jpeg"/><Relationship Id="rId12" Type="http://schemas.openxmlformats.org/officeDocument/2006/relationships/image" Target="../media/image16.png"/><Relationship Id="rId2" Type="http://schemas.openxmlformats.org/officeDocument/2006/relationships/tags" Target="../tags/tag21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86.jpeg"/><Relationship Id="rId11" Type="http://schemas.openxmlformats.org/officeDocument/2006/relationships/image" Target="../media/image89.png"/><Relationship Id="rId5" Type="http://schemas.openxmlformats.org/officeDocument/2006/relationships/image" Target="../media/image11.jpeg"/><Relationship Id="rId10" Type="http://schemas.openxmlformats.org/officeDocument/2006/relationships/image" Target="../media/image88.png"/><Relationship Id="rId4" Type="http://schemas.openxmlformats.org/officeDocument/2006/relationships/notesSlide" Target="../notesSlides/notesSlide16.xml"/><Relationship Id="rId9" Type="http://schemas.openxmlformats.org/officeDocument/2006/relationships/image" Target="../media/image10.emf"/></Relationships>
</file>

<file path=ppt/slides/_rels/slide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93.png"/><Relationship Id="rId13" Type="http://schemas.openxmlformats.org/officeDocument/2006/relationships/image" Target="../media/image98.png"/><Relationship Id="rId3" Type="http://schemas.openxmlformats.org/officeDocument/2006/relationships/image" Target="../media/image11.jpeg"/><Relationship Id="rId7" Type="http://schemas.openxmlformats.org/officeDocument/2006/relationships/image" Target="../media/image92.jpeg"/><Relationship Id="rId12" Type="http://schemas.openxmlformats.org/officeDocument/2006/relationships/image" Target="../media/image97.png"/><Relationship Id="rId2" Type="http://schemas.openxmlformats.org/officeDocument/2006/relationships/notesSlide" Target="../notesSlides/notesSlide17.xml"/><Relationship Id="rId16" Type="http://schemas.openxmlformats.org/officeDocument/2006/relationships/image" Target="../media/image16.png"/><Relationship Id="rId1" Type="http://schemas.openxmlformats.org/officeDocument/2006/relationships/slideLayout" Target="../slideLayouts/slideLayout14.xml"/><Relationship Id="rId6" Type="http://schemas.openxmlformats.org/officeDocument/2006/relationships/hyperlink" Target="http://www.google.ro/url?url=http://www.shopping-nivelles.be/fr/shopdirectory/9-delhaize.aspx&amp;rct=j&amp;frm=1&amp;q=&amp;esrc=s&amp;sa=U&amp;ei=tAkQVOrNDoWHOM6kgJgG&amp;ved=0CBYQ9QEwAA&amp;usg=AFQjCNHUMX1qtaaEWMb_AVyXQdOblpAquw" TargetMode="External"/><Relationship Id="rId11" Type="http://schemas.openxmlformats.org/officeDocument/2006/relationships/image" Target="../media/image96.png"/><Relationship Id="rId5" Type="http://schemas.openxmlformats.org/officeDocument/2006/relationships/image" Target="../media/image91.png"/><Relationship Id="rId15" Type="http://schemas.openxmlformats.org/officeDocument/2006/relationships/image" Target="../media/image100.jpeg"/><Relationship Id="rId10" Type="http://schemas.openxmlformats.org/officeDocument/2006/relationships/image" Target="../media/image95.png"/><Relationship Id="rId4" Type="http://schemas.openxmlformats.org/officeDocument/2006/relationships/image" Target="../media/image90.jpeg"/><Relationship Id="rId9" Type="http://schemas.openxmlformats.org/officeDocument/2006/relationships/image" Target="../media/image94.png"/><Relationship Id="rId14" Type="http://schemas.openxmlformats.org/officeDocument/2006/relationships/image" Target="../media/image99.jpeg"/></Relationships>
</file>

<file path=ppt/slides/_rels/slide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1.jpeg"/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image" Target="../media/image18.jpeg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7" Type="http://schemas.openxmlformats.org/officeDocument/2006/relationships/image" Target="../media/image16.png"/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2.png"/><Relationship Id="rId5" Type="http://schemas.openxmlformats.org/officeDocument/2006/relationships/image" Target="../media/image21.png"/><Relationship Id="rId4" Type="http://schemas.openxmlformats.org/officeDocument/2006/relationships/image" Target="../media/image20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7" Type="http://schemas.openxmlformats.org/officeDocument/2006/relationships/image" Target="../media/image16.png"/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14.xml"/><Relationship Id="rId6" Type="http://schemas.openxmlformats.org/officeDocument/2006/relationships/image" Target="../media/image26.png"/><Relationship Id="rId5" Type="http://schemas.openxmlformats.org/officeDocument/2006/relationships/image" Target="../media/image25.png"/><Relationship Id="rId4" Type="http://schemas.openxmlformats.org/officeDocument/2006/relationships/image" Target="../media/image24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png"/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6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png"/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6.png"/></Relationships>
</file>

<file path=ppt/slides/_rels/slide9.xml.rels><?xml version="1.0" encoding="UTF-8" standalone="yes"?>
<Relationships xmlns="http://schemas.openxmlformats.org/package/2006/relationships"><Relationship Id="rId8" Type="http://schemas.microsoft.com/office/2007/relationships/diagramDrawing" Target="../diagrams/drawing1.xml"/><Relationship Id="rId3" Type="http://schemas.openxmlformats.org/officeDocument/2006/relationships/image" Target="../media/image11.jpeg"/><Relationship Id="rId7" Type="http://schemas.openxmlformats.org/officeDocument/2006/relationships/diagramColors" Target="../diagrams/colors1.xml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4.xml"/><Relationship Id="rId6" Type="http://schemas.openxmlformats.org/officeDocument/2006/relationships/diagramQuickStyle" Target="../diagrams/quickStyle1.xml"/><Relationship Id="rId5" Type="http://schemas.openxmlformats.org/officeDocument/2006/relationships/diagramLayout" Target="../diagrams/layout1.xml"/><Relationship Id="rId10" Type="http://schemas.openxmlformats.org/officeDocument/2006/relationships/image" Target="../media/image16.png"/><Relationship Id="rId4" Type="http://schemas.openxmlformats.org/officeDocument/2006/relationships/diagramData" Target="../diagrams/data1.xml"/><Relationship Id="rId9" Type="http://schemas.openxmlformats.org/officeDocument/2006/relationships/image" Target="../media/image29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6001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1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6" name="Title 1"/>
          <p:cNvSpPr>
            <a:spLocks noGrp="1"/>
          </p:cNvSpPr>
          <p:nvPr>
            <p:ph type="title" idx="4294967295"/>
          </p:nvPr>
        </p:nvSpPr>
        <p:spPr>
          <a:xfrm>
            <a:off x="2771776" y="2231680"/>
            <a:ext cx="7859961" cy="387534"/>
          </a:xfrm>
        </p:spPr>
        <p:txBody>
          <a:bodyPr/>
          <a:lstStyle/>
          <a:p>
            <a:pPr>
              <a:defRPr/>
            </a:pPr>
            <a:r>
              <a:rPr lang="en-US" b="1" dirty="0" smtClean="0"/>
              <a:t>Mega Image </a:t>
            </a:r>
            <a:br>
              <a:rPr lang="en-US" b="1" dirty="0" smtClean="0"/>
            </a:br>
            <a:r>
              <a:rPr lang="en-US" b="1" dirty="0" smtClean="0"/>
              <a:t>Romania</a:t>
            </a:r>
            <a:br>
              <a:rPr lang="en-US" b="1" dirty="0" smtClean="0"/>
            </a:br>
            <a:r>
              <a:rPr lang="en-US" b="1"/>
              <a:t/>
            </a:r>
            <a:br>
              <a:rPr lang="en-US" b="1"/>
            </a:br>
            <a:endParaRPr lang="en-US" sz="1400" b="1" dirty="0" smtClean="0"/>
          </a:p>
        </p:txBody>
      </p:sp>
      <p:sp>
        <p:nvSpPr>
          <p:cNvPr id="2" name="AutoShape 2" descr="Imagini pentru economics"/>
          <p:cNvSpPr>
            <a:spLocks noChangeAspect="1" noChangeArrowheads="1"/>
          </p:cNvSpPr>
          <p:nvPr/>
        </p:nvSpPr>
        <p:spPr bwMode="auto">
          <a:xfrm>
            <a:off x="155575" y="-108346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3" name="AutoShape 4" descr="Imagini pentru economics"/>
          <p:cNvSpPr>
            <a:spLocks noChangeAspect="1" noChangeArrowheads="1"/>
          </p:cNvSpPr>
          <p:nvPr/>
        </p:nvSpPr>
        <p:spPr bwMode="auto">
          <a:xfrm>
            <a:off x="307975" y="59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5" name="AutoShape 9" descr="Imagini pentru economy png"/>
          <p:cNvSpPr>
            <a:spLocks noChangeAspect="1" noChangeArrowheads="1"/>
          </p:cNvSpPr>
          <p:nvPr/>
        </p:nvSpPr>
        <p:spPr bwMode="auto">
          <a:xfrm>
            <a:off x="460375" y="1202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" name="AutoShape 11" descr="Imagini pentru economy png"/>
          <p:cNvSpPr>
            <a:spLocks noChangeAspect="1" noChangeArrowheads="1"/>
          </p:cNvSpPr>
          <p:nvPr/>
        </p:nvSpPr>
        <p:spPr bwMode="auto">
          <a:xfrm>
            <a:off x="612775" y="2345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69826" y="1771497"/>
            <a:ext cx="1128080" cy="1123567"/>
          </a:xfrm>
          <a:prstGeom prst="rect">
            <a:avLst/>
          </a:prstGeom>
        </p:spPr>
      </p:pic>
      <p:pic>
        <p:nvPicPr>
          <p:cNvPr id="125980" name="Picture 28"/>
          <p:cNvPicPr>
            <a:picLocks noChangeAspect="1" noChangeArrowheads="1"/>
          </p:cNvPicPr>
          <p:nvPr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9493" t="36465" r="14342" b="47168"/>
          <a:stretch/>
        </p:blipFill>
        <p:spPr bwMode="auto">
          <a:xfrm rot="10800000">
            <a:off x="41274" y="4374037"/>
            <a:ext cx="2133890" cy="613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5981" name="Picture 29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3681" y="4128023"/>
            <a:ext cx="1620369" cy="63448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505095803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6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913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10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4476372" y="2664767"/>
            <a:ext cx="4578597" cy="954107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 rtlCol="0">
            <a:spAutoFit/>
          </a:bodyPr>
          <a:lstStyle/>
          <a:p>
            <a:pPr algn="ctr"/>
            <a:r>
              <a:rPr lang="en-US" sz="1400" b="1">
                <a:solidFill>
                  <a:schemeClr val="accent6"/>
                </a:solidFill>
              </a:rPr>
              <a:t>The </a:t>
            </a:r>
            <a:r>
              <a:rPr lang="en-US" sz="1400" b="1">
                <a:solidFill>
                  <a:srgbClr val="0070C0"/>
                </a:solidFill>
              </a:rPr>
              <a:t>Bucharest-Ilfov</a:t>
            </a:r>
            <a:r>
              <a:rPr lang="en-US" sz="1400" b="1">
                <a:solidFill>
                  <a:schemeClr val="accent6"/>
                </a:solidFill>
              </a:rPr>
              <a:t> region </a:t>
            </a:r>
            <a:r>
              <a:rPr lang="en-US" sz="1400" b="1">
                <a:solidFill>
                  <a:srgbClr val="0070C0"/>
                </a:solidFill>
              </a:rPr>
              <a:t>continued to be the fastest growing </a:t>
            </a:r>
            <a:r>
              <a:rPr lang="en-US" sz="1400" b="1">
                <a:solidFill>
                  <a:schemeClr val="accent6"/>
                </a:solidFill>
              </a:rPr>
              <a:t>after 2008 (despite an already high level of </a:t>
            </a:r>
            <a:r>
              <a:rPr lang="en-US" sz="1400" b="1" smtClean="0">
                <a:solidFill>
                  <a:schemeClr val="accent6"/>
                </a:solidFill>
              </a:rPr>
              <a:t>GDP/capita versus </a:t>
            </a:r>
            <a:r>
              <a:rPr lang="en-US" sz="1400" b="1">
                <a:solidFill>
                  <a:schemeClr val="accent6"/>
                </a:solidFill>
              </a:rPr>
              <a:t>EU average), expanding by 1.6ppt/year versus a 1.2ppt/year national average</a:t>
            </a:r>
          </a:p>
        </p:txBody>
      </p:sp>
      <p:grpSp>
        <p:nvGrpSpPr>
          <p:cNvPr id="3" name="Group 2"/>
          <p:cNvGrpSpPr/>
          <p:nvPr/>
        </p:nvGrpSpPr>
        <p:grpSpPr>
          <a:xfrm>
            <a:off x="3910225" y="867598"/>
            <a:ext cx="5095105" cy="1704153"/>
            <a:chOff x="314325" y="2209800"/>
            <a:chExt cx="8515350" cy="3657600"/>
          </a:xfrm>
        </p:grpSpPr>
        <p:pic>
          <p:nvPicPr>
            <p:cNvPr id="8194" name="Picture 2"/>
            <p:cNvPicPr>
              <a:picLocks noChangeAspect="1" noChangeArrowheads="1"/>
            </p:cNvPicPr>
            <p:nvPr/>
          </p:nvPicPr>
          <p:blipFill>
            <a:blip r:embed="rId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14325" y="2371725"/>
              <a:ext cx="8515350" cy="34956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2" name="Rounded Rectangle 1"/>
            <p:cNvSpPr/>
            <p:nvPr/>
          </p:nvSpPr>
          <p:spPr>
            <a:xfrm>
              <a:off x="6019800" y="2209800"/>
              <a:ext cx="914400" cy="3505200"/>
            </a:xfrm>
            <a:prstGeom prst="roundRect">
              <a:avLst/>
            </a:prstGeom>
            <a:noFill/>
            <a:ln>
              <a:solidFill>
                <a:schemeClr val="accent1"/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1" name="Group 20"/>
          <p:cNvGrpSpPr/>
          <p:nvPr/>
        </p:nvGrpSpPr>
        <p:grpSpPr>
          <a:xfrm>
            <a:off x="189996" y="1408184"/>
            <a:ext cx="4153404" cy="3147002"/>
            <a:chOff x="282759" y="2355089"/>
            <a:chExt cx="4590628" cy="4524623"/>
          </a:xfrm>
        </p:grpSpPr>
        <p:sp>
          <p:nvSpPr>
            <p:cNvPr id="22" name="Rectangle 21"/>
            <p:cNvSpPr/>
            <p:nvPr/>
          </p:nvSpPr>
          <p:spPr bwMode="ltGray">
            <a:xfrm>
              <a:off x="434730" y="6337478"/>
              <a:ext cx="301592" cy="180975"/>
            </a:xfrm>
            <a:prstGeom prst="rect">
              <a:avLst/>
            </a:prstGeom>
            <a:solidFill>
              <a:srgbClr val="CC0000"/>
            </a:solidFill>
            <a:ln w="6350" algn="ctr">
              <a:solidFill>
                <a:schemeClr val="tx1">
                  <a:lumMod val="50000"/>
                  <a:lumOff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 dirty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23" name="Rectangle 22"/>
            <p:cNvSpPr/>
            <p:nvPr/>
          </p:nvSpPr>
          <p:spPr bwMode="ltGray">
            <a:xfrm>
              <a:off x="434730" y="6566025"/>
              <a:ext cx="301592" cy="180975"/>
            </a:xfrm>
            <a:prstGeom prst="rect">
              <a:avLst/>
            </a:prstGeom>
            <a:solidFill>
              <a:srgbClr val="FF9933"/>
            </a:solidFill>
            <a:ln w="6350" algn="ctr">
              <a:solidFill>
                <a:schemeClr val="bg1">
                  <a:lumMod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 dirty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24" name="Rectangle 23"/>
            <p:cNvSpPr/>
            <p:nvPr/>
          </p:nvSpPr>
          <p:spPr bwMode="ltGray">
            <a:xfrm>
              <a:off x="2653944" y="6337478"/>
              <a:ext cx="301592" cy="180975"/>
            </a:xfrm>
            <a:prstGeom prst="rect">
              <a:avLst/>
            </a:prstGeom>
            <a:solidFill>
              <a:srgbClr val="FFCF21"/>
            </a:solidFill>
            <a:ln w="6350" algn="ctr">
              <a:solidFill>
                <a:schemeClr val="bg1">
                  <a:lumMod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 dirty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25" name="Rectangle 24"/>
            <p:cNvSpPr/>
            <p:nvPr/>
          </p:nvSpPr>
          <p:spPr bwMode="ltGray">
            <a:xfrm>
              <a:off x="2653944" y="6566025"/>
              <a:ext cx="301592" cy="180975"/>
            </a:xfrm>
            <a:prstGeom prst="rect">
              <a:avLst/>
            </a:prstGeom>
            <a:solidFill>
              <a:srgbClr val="FFFFAB"/>
            </a:solidFill>
            <a:ln w="6350" algn="ctr">
              <a:solidFill>
                <a:schemeClr val="bg1">
                  <a:lumMod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 dirty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26" name="TextBox 25"/>
            <p:cNvSpPr txBox="1"/>
            <p:nvPr/>
          </p:nvSpPr>
          <p:spPr>
            <a:xfrm>
              <a:off x="742817" y="6297161"/>
              <a:ext cx="1566261" cy="354006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r>
                <a:rPr lang="en-US" sz="1000" dirty="0" smtClean="0"/>
                <a:t>Above €8K</a:t>
              </a:r>
            </a:p>
          </p:txBody>
        </p:sp>
        <p:sp>
          <p:nvSpPr>
            <p:cNvPr id="27" name="TextBox 26"/>
            <p:cNvSpPr txBox="1"/>
            <p:nvPr/>
          </p:nvSpPr>
          <p:spPr>
            <a:xfrm>
              <a:off x="742817" y="6497230"/>
              <a:ext cx="1566261" cy="354006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r>
                <a:rPr lang="en-US" sz="1000" dirty="0" smtClean="0"/>
                <a:t>From €6K to €8K</a:t>
              </a:r>
            </a:p>
          </p:txBody>
        </p:sp>
        <p:sp>
          <p:nvSpPr>
            <p:cNvPr id="28" name="TextBox 27"/>
            <p:cNvSpPr txBox="1"/>
            <p:nvPr/>
          </p:nvSpPr>
          <p:spPr>
            <a:xfrm>
              <a:off x="2999739" y="6312109"/>
              <a:ext cx="1858002" cy="354006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r>
                <a:rPr lang="en-US" sz="1000" dirty="0"/>
                <a:t>From </a:t>
              </a:r>
              <a:r>
                <a:rPr lang="en-US" sz="1000" dirty="0" smtClean="0"/>
                <a:t>€4K </a:t>
              </a:r>
              <a:r>
                <a:rPr lang="en-US" sz="1000" dirty="0"/>
                <a:t>to </a:t>
              </a:r>
              <a:r>
                <a:rPr lang="en-US" sz="1000" dirty="0" smtClean="0"/>
                <a:t>€6K</a:t>
              </a:r>
              <a:endParaRPr lang="en-US" sz="1000" dirty="0"/>
            </a:p>
          </p:txBody>
        </p:sp>
        <p:sp>
          <p:nvSpPr>
            <p:cNvPr id="29" name="TextBox 28"/>
            <p:cNvSpPr txBox="1"/>
            <p:nvPr/>
          </p:nvSpPr>
          <p:spPr>
            <a:xfrm>
              <a:off x="2999739" y="6525706"/>
              <a:ext cx="1508063" cy="354006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r>
                <a:rPr lang="en-US" sz="1000" dirty="0" smtClean="0"/>
                <a:t>Below €4K</a:t>
              </a:r>
            </a:p>
          </p:txBody>
        </p:sp>
        <p:sp>
          <p:nvSpPr>
            <p:cNvPr id="30" name="Rounded Rectangle 29"/>
            <p:cNvSpPr/>
            <p:nvPr/>
          </p:nvSpPr>
          <p:spPr bwMode="ltGray">
            <a:xfrm>
              <a:off x="351136" y="6003256"/>
              <a:ext cx="4346776" cy="847980"/>
            </a:xfrm>
            <a:prstGeom prst="roundRect">
              <a:avLst/>
            </a:prstGeom>
            <a:noFill/>
            <a:ln w="9525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20" tIns="45720" rIns="45720" bIns="45720" rtlCol="0" anchor="ctr"/>
            <a:lstStyle/>
            <a:p>
              <a:pPr algn="ctr"/>
              <a:endParaRPr lang="en-US" sz="2000" dirty="0" smtClean="0">
                <a:solidFill>
                  <a:schemeClr val="tx1"/>
                </a:solidFill>
              </a:endParaRPr>
            </a:p>
          </p:txBody>
        </p:sp>
        <p:sp>
          <p:nvSpPr>
            <p:cNvPr id="31" name="Rectangle 30"/>
            <p:cNvSpPr/>
            <p:nvPr/>
          </p:nvSpPr>
          <p:spPr bwMode="ltGray">
            <a:xfrm>
              <a:off x="484580" y="5757021"/>
              <a:ext cx="467308" cy="150717"/>
            </a:xfrm>
            <a:prstGeom prst="rect">
              <a:avLst/>
            </a:prstGeom>
            <a:no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20" tIns="45720" rIns="45720" bIns="45720" rtlCol="0" anchor="ctr"/>
            <a:lstStyle/>
            <a:p>
              <a:pPr algn="ctr"/>
              <a:r>
                <a:rPr lang="en-US" sz="1100" b="1" dirty="0" smtClean="0">
                  <a:solidFill>
                    <a:schemeClr val="tx1"/>
                  </a:solidFill>
                </a:rPr>
                <a:t>Key</a:t>
              </a:r>
            </a:p>
          </p:txBody>
        </p:sp>
        <p:sp>
          <p:nvSpPr>
            <p:cNvPr id="32" name="Freeform 31"/>
            <p:cNvSpPr/>
            <p:nvPr/>
          </p:nvSpPr>
          <p:spPr>
            <a:xfrm>
              <a:off x="2270484" y="4200622"/>
              <a:ext cx="1826772" cy="1400196"/>
            </a:xfrm>
            <a:custGeom>
              <a:avLst/>
              <a:gdLst/>
              <a:ahLst/>
              <a:cxnLst/>
              <a:rect l="l" t="t" r="r" b="b"/>
              <a:pathLst>
                <a:path w="2936875" h="2251075">
                  <a:moveTo>
                    <a:pt x="353724" y="0"/>
                  </a:moveTo>
                  <a:lnTo>
                    <a:pt x="392594" y="47635"/>
                  </a:lnTo>
                  <a:lnTo>
                    <a:pt x="449929" y="34025"/>
                  </a:lnTo>
                  <a:lnTo>
                    <a:pt x="512122" y="1944"/>
                  </a:lnTo>
                  <a:lnTo>
                    <a:pt x="580146" y="20415"/>
                  </a:lnTo>
                  <a:lnTo>
                    <a:pt x="562654" y="72912"/>
                  </a:lnTo>
                  <a:lnTo>
                    <a:pt x="587920" y="112770"/>
                  </a:lnTo>
                  <a:lnTo>
                    <a:pt x="623875" y="103048"/>
                  </a:lnTo>
                  <a:lnTo>
                    <a:pt x="692871" y="167211"/>
                  </a:lnTo>
                  <a:lnTo>
                    <a:pt x="695786" y="254705"/>
                  </a:lnTo>
                  <a:lnTo>
                    <a:pt x="724699" y="276054"/>
                  </a:lnTo>
                  <a:lnTo>
                    <a:pt x="726757" y="275907"/>
                  </a:lnTo>
                  <a:lnTo>
                    <a:pt x="789401" y="255026"/>
                  </a:lnTo>
                  <a:lnTo>
                    <a:pt x="804202" y="221419"/>
                  </a:lnTo>
                  <a:lnTo>
                    <a:pt x="831415" y="223364"/>
                  </a:lnTo>
                  <a:lnTo>
                    <a:pt x="863487" y="200025"/>
                  </a:lnTo>
                  <a:lnTo>
                    <a:pt x="863621" y="200689"/>
                  </a:lnTo>
                  <a:lnTo>
                    <a:pt x="897649" y="175457"/>
                  </a:lnTo>
                  <a:lnTo>
                    <a:pt x="964773" y="193906"/>
                  </a:lnTo>
                  <a:lnTo>
                    <a:pt x="992011" y="173515"/>
                  </a:lnTo>
                  <a:lnTo>
                    <a:pt x="1035788" y="168660"/>
                  </a:lnTo>
                  <a:lnTo>
                    <a:pt x="1102912" y="180312"/>
                  </a:lnTo>
                  <a:lnTo>
                    <a:pt x="1125287" y="235660"/>
                  </a:lnTo>
                  <a:lnTo>
                    <a:pt x="1171981" y="242457"/>
                  </a:lnTo>
                  <a:lnTo>
                    <a:pt x="1169063" y="200704"/>
                  </a:lnTo>
                  <a:lnTo>
                    <a:pt x="1197275" y="139530"/>
                  </a:lnTo>
                  <a:lnTo>
                    <a:pt x="1229377" y="131762"/>
                  </a:lnTo>
                  <a:lnTo>
                    <a:pt x="1265371" y="161863"/>
                  </a:lnTo>
                  <a:lnTo>
                    <a:pt x="1277045" y="205559"/>
                  </a:lnTo>
                  <a:lnTo>
                    <a:pt x="1305257" y="217211"/>
                  </a:lnTo>
                  <a:lnTo>
                    <a:pt x="1330550" y="187109"/>
                  </a:lnTo>
                  <a:lnTo>
                    <a:pt x="1332495" y="159921"/>
                  </a:lnTo>
                  <a:lnTo>
                    <a:pt x="1369462" y="157008"/>
                  </a:lnTo>
                  <a:lnTo>
                    <a:pt x="1373353" y="190022"/>
                  </a:lnTo>
                  <a:lnTo>
                    <a:pt x="1417130" y="228863"/>
                  </a:lnTo>
                  <a:lnTo>
                    <a:pt x="1438532" y="311399"/>
                  </a:lnTo>
                  <a:lnTo>
                    <a:pt x="1410320" y="375486"/>
                  </a:lnTo>
                  <a:lnTo>
                    <a:pt x="1452151" y="432776"/>
                  </a:lnTo>
                  <a:lnTo>
                    <a:pt x="1504683" y="409471"/>
                  </a:lnTo>
                  <a:lnTo>
                    <a:pt x="1528030" y="416268"/>
                  </a:lnTo>
                  <a:lnTo>
                    <a:pt x="1539704" y="446370"/>
                  </a:lnTo>
                  <a:lnTo>
                    <a:pt x="1529976" y="476471"/>
                  </a:lnTo>
                  <a:lnTo>
                    <a:pt x="1594182" y="531819"/>
                  </a:lnTo>
                  <a:lnTo>
                    <a:pt x="1631148" y="614355"/>
                  </a:lnTo>
                  <a:lnTo>
                    <a:pt x="1654496" y="700775"/>
                  </a:lnTo>
                  <a:lnTo>
                    <a:pt x="1642822" y="760977"/>
                  </a:lnTo>
                  <a:lnTo>
                    <a:pt x="1670061" y="772629"/>
                  </a:lnTo>
                  <a:lnTo>
                    <a:pt x="1702164" y="758064"/>
                  </a:lnTo>
                  <a:lnTo>
                    <a:pt x="1711892" y="801760"/>
                  </a:lnTo>
                  <a:lnTo>
                    <a:pt x="1688544" y="811470"/>
                  </a:lnTo>
                  <a:lnTo>
                    <a:pt x="1705082" y="872644"/>
                  </a:lnTo>
                  <a:lnTo>
                    <a:pt x="1730375" y="882354"/>
                  </a:lnTo>
                  <a:lnTo>
                    <a:pt x="1686599" y="905658"/>
                  </a:lnTo>
                  <a:lnTo>
                    <a:pt x="1686590" y="905782"/>
                  </a:lnTo>
                  <a:lnTo>
                    <a:pt x="1729915" y="882650"/>
                  </a:lnTo>
                  <a:lnTo>
                    <a:pt x="1733802" y="896270"/>
                  </a:lnTo>
                  <a:lnTo>
                    <a:pt x="1718253" y="935183"/>
                  </a:lnTo>
                  <a:lnTo>
                    <a:pt x="1736717" y="956586"/>
                  </a:lnTo>
                  <a:lnTo>
                    <a:pt x="1770730" y="941993"/>
                  </a:lnTo>
                  <a:lnTo>
                    <a:pt x="1805714" y="974097"/>
                  </a:lnTo>
                  <a:lnTo>
                    <a:pt x="1901921" y="981879"/>
                  </a:lnTo>
                  <a:lnTo>
                    <a:pt x="2039915" y="1029548"/>
                  </a:lnTo>
                  <a:lnTo>
                    <a:pt x="2057407" y="977015"/>
                  </a:lnTo>
                  <a:lnTo>
                    <a:pt x="2087533" y="951721"/>
                  </a:lnTo>
                  <a:lnTo>
                    <a:pt x="2107940" y="970205"/>
                  </a:lnTo>
                  <a:lnTo>
                    <a:pt x="2094335" y="990635"/>
                  </a:lnTo>
                  <a:lnTo>
                    <a:pt x="2112799" y="1041222"/>
                  </a:lnTo>
                  <a:lnTo>
                    <a:pt x="2154586" y="1043168"/>
                  </a:lnTo>
                  <a:lnTo>
                    <a:pt x="2215809" y="1004255"/>
                  </a:lnTo>
                  <a:lnTo>
                    <a:pt x="2252737" y="1064570"/>
                  </a:lnTo>
                  <a:lnTo>
                    <a:pt x="2280919" y="1071380"/>
                  </a:lnTo>
                  <a:lnTo>
                    <a:pt x="2319790" y="1041222"/>
                  </a:lnTo>
                  <a:lnTo>
                    <a:pt x="2342141" y="1004255"/>
                  </a:lnTo>
                  <a:lnTo>
                    <a:pt x="2498599" y="1024684"/>
                  </a:lnTo>
                  <a:lnTo>
                    <a:pt x="2672549" y="1017874"/>
                  </a:lnTo>
                  <a:lnTo>
                    <a:pt x="2760010" y="1011064"/>
                  </a:lnTo>
                  <a:lnTo>
                    <a:pt x="2801797" y="1071380"/>
                  </a:lnTo>
                  <a:lnTo>
                    <a:pt x="2872737" y="1117103"/>
                  </a:lnTo>
                  <a:lnTo>
                    <a:pt x="2886342" y="1236762"/>
                  </a:lnTo>
                  <a:lnTo>
                    <a:pt x="2936875" y="1275675"/>
                  </a:lnTo>
                  <a:lnTo>
                    <a:pt x="2932016" y="1356420"/>
                  </a:lnTo>
                  <a:lnTo>
                    <a:pt x="2898004" y="1388524"/>
                  </a:lnTo>
                  <a:lnTo>
                    <a:pt x="2867878" y="1468296"/>
                  </a:lnTo>
                  <a:lnTo>
                    <a:pt x="2798881" y="1530558"/>
                  </a:lnTo>
                  <a:lnTo>
                    <a:pt x="2732800" y="1550987"/>
                  </a:lnTo>
                  <a:lnTo>
                    <a:pt x="2732448" y="1550642"/>
                  </a:lnTo>
                  <a:lnTo>
                    <a:pt x="2630501" y="1600882"/>
                  </a:lnTo>
                  <a:lnTo>
                    <a:pt x="2539981" y="1594038"/>
                  </a:lnTo>
                  <a:lnTo>
                    <a:pt x="2480607" y="1656616"/>
                  </a:lnTo>
                  <a:lnTo>
                    <a:pt x="2389113" y="1712350"/>
                  </a:lnTo>
                  <a:lnTo>
                    <a:pt x="2301512" y="1698661"/>
                  </a:lnTo>
                  <a:lnTo>
                    <a:pt x="2222672" y="1705506"/>
                  </a:lnTo>
                  <a:lnTo>
                    <a:pt x="2147725" y="1677150"/>
                  </a:lnTo>
                  <a:lnTo>
                    <a:pt x="2094191" y="1668350"/>
                  </a:lnTo>
                  <a:lnTo>
                    <a:pt x="2064991" y="1665416"/>
                  </a:lnTo>
                  <a:lnTo>
                    <a:pt x="1992964" y="1688883"/>
                  </a:lnTo>
                  <a:lnTo>
                    <a:pt x="1965710" y="1714306"/>
                  </a:lnTo>
                  <a:lnTo>
                    <a:pt x="1945270" y="1724084"/>
                  </a:lnTo>
                  <a:lnTo>
                    <a:pt x="1901470" y="1727995"/>
                  </a:lnTo>
                  <a:lnTo>
                    <a:pt x="1878110" y="1737773"/>
                  </a:lnTo>
                  <a:lnTo>
                    <a:pt x="1809002" y="1774929"/>
                  </a:lnTo>
                  <a:lnTo>
                    <a:pt x="1779802" y="1778840"/>
                  </a:lnTo>
                  <a:lnTo>
                    <a:pt x="1763255" y="1774929"/>
                  </a:lnTo>
                  <a:lnTo>
                    <a:pt x="1749629" y="1771995"/>
                  </a:lnTo>
                  <a:lnTo>
                    <a:pt x="1726269" y="1781773"/>
                  </a:lnTo>
                  <a:lnTo>
                    <a:pt x="1710695" y="1781773"/>
                  </a:lnTo>
                  <a:lnTo>
                    <a:pt x="1685388" y="1770040"/>
                  </a:lnTo>
                  <a:lnTo>
                    <a:pt x="1673708" y="1767106"/>
                  </a:lnTo>
                  <a:lnTo>
                    <a:pt x="1646455" y="1788618"/>
                  </a:lnTo>
                  <a:lnTo>
                    <a:pt x="1625041" y="1795462"/>
                  </a:lnTo>
                  <a:lnTo>
                    <a:pt x="1561928" y="1790659"/>
                  </a:lnTo>
                  <a:lnTo>
                    <a:pt x="1561938" y="1790720"/>
                  </a:lnTo>
                  <a:lnTo>
                    <a:pt x="1534648" y="1795581"/>
                  </a:lnTo>
                  <a:lnTo>
                    <a:pt x="1472270" y="1829608"/>
                  </a:lnTo>
                  <a:lnTo>
                    <a:pt x="1375779" y="1852941"/>
                  </a:lnTo>
                  <a:lnTo>
                    <a:pt x="1336793" y="1866551"/>
                  </a:lnTo>
                  <a:lnTo>
                    <a:pt x="1313402" y="1896690"/>
                  </a:lnTo>
                  <a:lnTo>
                    <a:pt x="1292934" y="1912245"/>
                  </a:lnTo>
                  <a:lnTo>
                    <a:pt x="1228607" y="1935578"/>
                  </a:lnTo>
                  <a:lnTo>
                    <a:pt x="1203266" y="1957938"/>
                  </a:lnTo>
                  <a:lnTo>
                    <a:pt x="1188646" y="1986132"/>
                  </a:lnTo>
                  <a:lnTo>
                    <a:pt x="1196444" y="2008493"/>
                  </a:lnTo>
                  <a:lnTo>
                    <a:pt x="1193520" y="2036687"/>
                  </a:lnTo>
                  <a:lnTo>
                    <a:pt x="1164280" y="2059047"/>
                  </a:lnTo>
                  <a:lnTo>
                    <a:pt x="1152584" y="2080436"/>
                  </a:lnTo>
                  <a:lnTo>
                    <a:pt x="1129193" y="2102797"/>
                  </a:lnTo>
                  <a:lnTo>
                    <a:pt x="1097029" y="2119324"/>
                  </a:lnTo>
                  <a:lnTo>
                    <a:pt x="1069739" y="2158212"/>
                  </a:lnTo>
                  <a:lnTo>
                    <a:pt x="1046347" y="2176684"/>
                  </a:lnTo>
                  <a:lnTo>
                    <a:pt x="1021006" y="2185434"/>
                  </a:lnTo>
                  <a:lnTo>
                    <a:pt x="944984" y="2197100"/>
                  </a:lnTo>
                  <a:lnTo>
                    <a:pt x="948045" y="2185372"/>
                  </a:lnTo>
                  <a:lnTo>
                    <a:pt x="947432" y="2185408"/>
                  </a:lnTo>
                  <a:lnTo>
                    <a:pt x="944754" y="2195680"/>
                  </a:lnTo>
                  <a:lnTo>
                    <a:pt x="912641" y="2195680"/>
                  </a:lnTo>
                  <a:lnTo>
                    <a:pt x="875661" y="2202483"/>
                  </a:lnTo>
                  <a:lnTo>
                    <a:pt x="862037" y="2220948"/>
                  </a:lnTo>
                  <a:lnTo>
                    <a:pt x="823112" y="2216089"/>
                  </a:lnTo>
                  <a:lnTo>
                    <a:pt x="804622" y="2219005"/>
                  </a:lnTo>
                  <a:lnTo>
                    <a:pt x="781266" y="2237469"/>
                  </a:lnTo>
                  <a:lnTo>
                    <a:pt x="772508" y="2246216"/>
                  </a:lnTo>
                  <a:lnTo>
                    <a:pt x="765696" y="2251075"/>
                  </a:lnTo>
                  <a:lnTo>
                    <a:pt x="749153" y="2249132"/>
                  </a:lnTo>
                  <a:lnTo>
                    <a:pt x="730663" y="2244272"/>
                  </a:lnTo>
                  <a:lnTo>
                    <a:pt x="684925" y="2232610"/>
                  </a:lnTo>
                  <a:lnTo>
                    <a:pt x="678113" y="2230667"/>
                  </a:lnTo>
                  <a:lnTo>
                    <a:pt x="634322" y="2190821"/>
                  </a:lnTo>
                  <a:lnTo>
                    <a:pt x="595396" y="2170412"/>
                  </a:lnTo>
                  <a:lnTo>
                    <a:pt x="576907" y="2165553"/>
                  </a:lnTo>
                  <a:lnTo>
                    <a:pt x="539927" y="2158750"/>
                  </a:lnTo>
                  <a:lnTo>
                    <a:pt x="482511" y="2165553"/>
                  </a:lnTo>
                  <a:lnTo>
                    <a:pt x="457210" y="2161666"/>
                  </a:lnTo>
                  <a:lnTo>
                    <a:pt x="441639" y="2151948"/>
                  </a:lnTo>
                  <a:lnTo>
                    <a:pt x="406606" y="2126680"/>
                  </a:lnTo>
                  <a:lnTo>
                    <a:pt x="365734" y="2113074"/>
                  </a:lnTo>
                  <a:lnTo>
                    <a:pt x="333620" y="2115018"/>
                  </a:lnTo>
                  <a:lnTo>
                    <a:pt x="308319" y="2129595"/>
                  </a:lnTo>
                  <a:lnTo>
                    <a:pt x="296641" y="2131539"/>
                  </a:lnTo>
                  <a:lnTo>
                    <a:pt x="286910" y="2133483"/>
                  </a:lnTo>
                  <a:lnTo>
                    <a:pt x="280098" y="2126680"/>
                  </a:lnTo>
                  <a:lnTo>
                    <a:pt x="269393" y="2126680"/>
                  </a:lnTo>
                  <a:lnTo>
                    <a:pt x="239226" y="2143201"/>
                  </a:lnTo>
                  <a:lnTo>
                    <a:pt x="204193" y="2092665"/>
                  </a:lnTo>
                  <a:lnTo>
                    <a:pt x="197381" y="2050876"/>
                  </a:lnTo>
                  <a:lnTo>
                    <a:pt x="209058" y="2028524"/>
                  </a:lnTo>
                  <a:lnTo>
                    <a:pt x="197381" y="2005200"/>
                  </a:lnTo>
                  <a:lnTo>
                    <a:pt x="156509" y="2007143"/>
                  </a:lnTo>
                  <a:lnTo>
                    <a:pt x="142885" y="1991594"/>
                  </a:lnTo>
                  <a:lnTo>
                    <a:pt x="144831" y="1929396"/>
                  </a:lnTo>
                  <a:lnTo>
                    <a:pt x="103959" y="1883719"/>
                  </a:lnTo>
                  <a:lnTo>
                    <a:pt x="101039" y="1844846"/>
                  </a:lnTo>
                  <a:lnTo>
                    <a:pt x="82550" y="1775845"/>
                  </a:lnTo>
                  <a:lnTo>
                    <a:pt x="119529" y="1780704"/>
                  </a:lnTo>
                  <a:lnTo>
                    <a:pt x="168186" y="1773902"/>
                  </a:lnTo>
                  <a:lnTo>
                    <a:pt x="197381" y="1750577"/>
                  </a:lnTo>
                  <a:lnTo>
                    <a:pt x="244091" y="1725309"/>
                  </a:lnTo>
                  <a:lnTo>
                    <a:pt x="289829" y="1700042"/>
                  </a:lnTo>
                  <a:lnTo>
                    <a:pt x="294695" y="1672830"/>
                  </a:lnTo>
                  <a:lnTo>
                    <a:pt x="284963" y="1637844"/>
                  </a:lnTo>
                  <a:lnTo>
                    <a:pt x="303453" y="1575646"/>
                  </a:lnTo>
                  <a:lnTo>
                    <a:pt x="310265" y="1518307"/>
                  </a:lnTo>
                  <a:lnTo>
                    <a:pt x="321943" y="1445419"/>
                  </a:lnTo>
                  <a:lnTo>
                    <a:pt x="335576" y="1443128"/>
                  </a:lnTo>
                  <a:lnTo>
                    <a:pt x="335511" y="1442619"/>
                  </a:lnTo>
                  <a:lnTo>
                    <a:pt x="323598" y="1444625"/>
                  </a:lnTo>
                  <a:lnTo>
                    <a:pt x="277925" y="1437820"/>
                  </a:lnTo>
                  <a:lnTo>
                    <a:pt x="240998" y="1326994"/>
                  </a:lnTo>
                  <a:lnTo>
                    <a:pt x="249744" y="1262832"/>
                  </a:lnTo>
                  <a:lnTo>
                    <a:pt x="247801" y="1230751"/>
                  </a:lnTo>
                  <a:lnTo>
                    <a:pt x="284728" y="1203530"/>
                  </a:lnTo>
                  <a:lnTo>
                    <a:pt x="271123" y="1175338"/>
                  </a:lnTo>
                  <a:lnTo>
                    <a:pt x="231280" y="1188948"/>
                  </a:lnTo>
                  <a:lnTo>
                    <a:pt x="199212" y="1129646"/>
                  </a:lnTo>
                  <a:lnTo>
                    <a:pt x="173946" y="1077150"/>
                  </a:lnTo>
                  <a:lnTo>
                    <a:pt x="197269" y="1023681"/>
                  </a:lnTo>
                  <a:lnTo>
                    <a:pt x="176862" y="994517"/>
                  </a:lnTo>
                  <a:lnTo>
                    <a:pt x="139934" y="1010071"/>
                  </a:lnTo>
                  <a:lnTo>
                    <a:pt x="119527" y="976046"/>
                  </a:lnTo>
                  <a:lnTo>
                    <a:pt x="96205" y="934243"/>
                  </a:lnTo>
                  <a:lnTo>
                    <a:pt x="91346" y="865220"/>
                  </a:lnTo>
                  <a:lnTo>
                    <a:pt x="64136" y="870081"/>
                  </a:lnTo>
                  <a:lnTo>
                    <a:pt x="57334" y="937159"/>
                  </a:lnTo>
                  <a:lnTo>
                    <a:pt x="0" y="943964"/>
                  </a:lnTo>
                  <a:lnTo>
                    <a:pt x="20407" y="829250"/>
                  </a:lnTo>
                  <a:lnTo>
                    <a:pt x="52475" y="807863"/>
                  </a:lnTo>
                  <a:lnTo>
                    <a:pt x="72882" y="753422"/>
                  </a:lnTo>
                  <a:lnTo>
                    <a:pt x="55391" y="728146"/>
                  </a:lnTo>
                  <a:lnTo>
                    <a:pt x="52475" y="645512"/>
                  </a:lnTo>
                  <a:lnTo>
                    <a:pt x="109810" y="622181"/>
                  </a:lnTo>
                  <a:lnTo>
                    <a:pt x="130217" y="564823"/>
                  </a:lnTo>
                  <a:lnTo>
                    <a:pt x="103007" y="509410"/>
                  </a:lnTo>
                  <a:lnTo>
                    <a:pt x="126330" y="424833"/>
                  </a:lnTo>
                  <a:lnTo>
                    <a:pt x="77741" y="408306"/>
                  </a:lnTo>
                  <a:lnTo>
                    <a:pt x="87459" y="355810"/>
                  </a:lnTo>
                  <a:lnTo>
                    <a:pt x="98148" y="263455"/>
                  </a:lnTo>
                  <a:lnTo>
                    <a:pt x="75798" y="227484"/>
                  </a:lnTo>
                  <a:lnTo>
                    <a:pt x="82600" y="155545"/>
                  </a:lnTo>
                  <a:lnTo>
                    <a:pt x="146737" y="126380"/>
                  </a:lnTo>
                  <a:lnTo>
                    <a:pt x="163257" y="89438"/>
                  </a:lnTo>
                  <a:lnTo>
                    <a:pt x="172003" y="34025"/>
                  </a:lnTo>
                  <a:lnTo>
                    <a:pt x="160341" y="4861"/>
                  </a:lnTo>
                  <a:lnTo>
                    <a:pt x="195325" y="1944"/>
                  </a:lnTo>
                  <a:lnTo>
                    <a:pt x="231280" y="20415"/>
                  </a:lnTo>
                  <a:lnTo>
                    <a:pt x="252659" y="25276"/>
                  </a:lnTo>
                  <a:lnTo>
                    <a:pt x="284728" y="4861"/>
                  </a:lnTo>
                  <a:close/>
                </a:path>
              </a:pathLst>
            </a:custGeom>
            <a:solidFill>
              <a:srgbClr val="FFCF21"/>
            </a:solidFill>
            <a:ln w="6350" algn="ctr">
              <a:solidFill>
                <a:schemeClr val="bg1">
                  <a:lumMod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 dirty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33" name="Freeform 24"/>
            <p:cNvSpPr>
              <a:spLocks/>
            </p:cNvSpPr>
            <p:nvPr/>
          </p:nvSpPr>
          <p:spPr bwMode="auto">
            <a:xfrm>
              <a:off x="2980456" y="4803950"/>
              <a:ext cx="284384" cy="363379"/>
            </a:xfrm>
            <a:custGeom>
              <a:avLst/>
              <a:gdLst/>
              <a:ahLst/>
              <a:cxnLst>
                <a:cxn ang="0">
                  <a:pos x="347" y="203"/>
                </a:cxn>
                <a:cxn ang="0">
                  <a:pos x="350" y="59"/>
                </a:cxn>
                <a:cxn ang="0">
                  <a:pos x="286" y="2"/>
                </a:cxn>
                <a:cxn ang="0">
                  <a:pos x="262" y="0"/>
                </a:cxn>
                <a:cxn ang="0">
                  <a:pos x="227" y="26"/>
                </a:cxn>
                <a:cxn ang="0">
                  <a:pos x="187" y="7"/>
                </a:cxn>
                <a:cxn ang="0">
                  <a:pos x="97" y="28"/>
                </a:cxn>
                <a:cxn ang="0">
                  <a:pos x="90" y="54"/>
                </a:cxn>
                <a:cxn ang="0">
                  <a:pos x="71" y="149"/>
                </a:cxn>
                <a:cxn ang="0">
                  <a:pos x="36" y="149"/>
                </a:cxn>
                <a:cxn ang="0">
                  <a:pos x="31" y="179"/>
                </a:cxn>
                <a:cxn ang="0">
                  <a:pos x="69" y="203"/>
                </a:cxn>
                <a:cxn ang="0">
                  <a:pos x="55" y="250"/>
                </a:cxn>
                <a:cxn ang="0">
                  <a:pos x="7" y="252"/>
                </a:cxn>
                <a:cxn ang="0">
                  <a:pos x="0" y="278"/>
                </a:cxn>
                <a:cxn ang="0">
                  <a:pos x="45" y="290"/>
                </a:cxn>
                <a:cxn ang="0">
                  <a:pos x="55" y="321"/>
                </a:cxn>
                <a:cxn ang="0">
                  <a:pos x="59" y="359"/>
                </a:cxn>
                <a:cxn ang="0">
                  <a:pos x="55" y="453"/>
                </a:cxn>
                <a:cxn ang="0">
                  <a:pos x="111" y="515"/>
                </a:cxn>
                <a:cxn ang="0">
                  <a:pos x="147" y="536"/>
                </a:cxn>
                <a:cxn ang="0">
                  <a:pos x="184" y="595"/>
                </a:cxn>
                <a:cxn ang="0">
                  <a:pos x="229" y="602"/>
                </a:cxn>
                <a:cxn ang="0">
                  <a:pos x="267" y="555"/>
                </a:cxn>
                <a:cxn ang="0">
                  <a:pos x="355" y="574"/>
                </a:cxn>
                <a:cxn ang="0">
                  <a:pos x="371" y="515"/>
                </a:cxn>
                <a:cxn ang="0">
                  <a:pos x="456" y="491"/>
                </a:cxn>
                <a:cxn ang="0">
                  <a:pos x="468" y="408"/>
                </a:cxn>
                <a:cxn ang="0">
                  <a:pos x="404" y="392"/>
                </a:cxn>
                <a:cxn ang="0">
                  <a:pos x="390" y="356"/>
                </a:cxn>
                <a:cxn ang="0">
                  <a:pos x="409" y="321"/>
                </a:cxn>
                <a:cxn ang="0">
                  <a:pos x="404" y="288"/>
                </a:cxn>
                <a:cxn ang="0">
                  <a:pos x="347" y="203"/>
                </a:cxn>
              </a:cxnLst>
              <a:rect l="0" t="0" r="r" b="b"/>
              <a:pathLst>
                <a:path w="468" h="602">
                  <a:moveTo>
                    <a:pt x="347" y="203"/>
                  </a:moveTo>
                  <a:lnTo>
                    <a:pt x="350" y="59"/>
                  </a:lnTo>
                  <a:lnTo>
                    <a:pt x="286" y="2"/>
                  </a:lnTo>
                  <a:lnTo>
                    <a:pt x="262" y="0"/>
                  </a:lnTo>
                  <a:lnTo>
                    <a:pt x="227" y="26"/>
                  </a:lnTo>
                  <a:lnTo>
                    <a:pt x="187" y="7"/>
                  </a:lnTo>
                  <a:lnTo>
                    <a:pt x="97" y="28"/>
                  </a:lnTo>
                  <a:lnTo>
                    <a:pt x="90" y="54"/>
                  </a:lnTo>
                  <a:lnTo>
                    <a:pt x="71" y="149"/>
                  </a:lnTo>
                  <a:lnTo>
                    <a:pt x="36" y="149"/>
                  </a:lnTo>
                  <a:lnTo>
                    <a:pt x="31" y="179"/>
                  </a:lnTo>
                  <a:lnTo>
                    <a:pt x="69" y="203"/>
                  </a:lnTo>
                  <a:lnTo>
                    <a:pt x="55" y="250"/>
                  </a:lnTo>
                  <a:lnTo>
                    <a:pt x="7" y="252"/>
                  </a:lnTo>
                  <a:lnTo>
                    <a:pt x="0" y="278"/>
                  </a:lnTo>
                  <a:lnTo>
                    <a:pt x="45" y="290"/>
                  </a:lnTo>
                  <a:lnTo>
                    <a:pt x="55" y="321"/>
                  </a:lnTo>
                  <a:lnTo>
                    <a:pt x="59" y="359"/>
                  </a:lnTo>
                  <a:lnTo>
                    <a:pt x="55" y="453"/>
                  </a:lnTo>
                  <a:lnTo>
                    <a:pt x="111" y="515"/>
                  </a:lnTo>
                  <a:lnTo>
                    <a:pt x="147" y="536"/>
                  </a:lnTo>
                  <a:lnTo>
                    <a:pt x="184" y="595"/>
                  </a:lnTo>
                  <a:lnTo>
                    <a:pt x="229" y="602"/>
                  </a:lnTo>
                  <a:lnTo>
                    <a:pt x="267" y="555"/>
                  </a:lnTo>
                  <a:lnTo>
                    <a:pt x="355" y="574"/>
                  </a:lnTo>
                  <a:lnTo>
                    <a:pt x="371" y="515"/>
                  </a:lnTo>
                  <a:lnTo>
                    <a:pt x="456" y="491"/>
                  </a:lnTo>
                  <a:lnTo>
                    <a:pt x="468" y="408"/>
                  </a:lnTo>
                  <a:lnTo>
                    <a:pt x="404" y="392"/>
                  </a:lnTo>
                  <a:lnTo>
                    <a:pt x="390" y="356"/>
                  </a:lnTo>
                  <a:lnTo>
                    <a:pt x="409" y="321"/>
                  </a:lnTo>
                  <a:lnTo>
                    <a:pt x="404" y="288"/>
                  </a:lnTo>
                  <a:lnTo>
                    <a:pt x="347" y="203"/>
                  </a:lnTo>
                  <a:close/>
                </a:path>
              </a:pathLst>
            </a:custGeom>
            <a:solidFill>
              <a:srgbClr val="CC0000"/>
            </a:solidFill>
            <a:ln w="6350" algn="ctr">
              <a:solidFill>
                <a:schemeClr val="tx1">
                  <a:lumMod val="50000"/>
                  <a:lumOff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34" name="Rectangle 36"/>
            <p:cNvSpPr>
              <a:spLocks noChangeArrowheads="1"/>
            </p:cNvSpPr>
            <p:nvPr/>
          </p:nvSpPr>
          <p:spPr bwMode="auto">
            <a:xfrm>
              <a:off x="4344118" y="5545521"/>
              <a:ext cx="987" cy="987"/>
            </a:xfrm>
            <a:prstGeom prst="rect">
              <a:avLst/>
            </a:prstGeom>
            <a:solidFill>
              <a:srgbClr val="CCCCCC"/>
            </a:solidFill>
            <a:ln w="6350" algn="ctr">
              <a:solidFill>
                <a:schemeClr val="accent2"/>
              </a:solidFill>
              <a:miter lim="800000"/>
              <a:headEnd/>
              <a:tailEnd/>
            </a:ln>
            <a:effectLst/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35" name="Freeform 54"/>
            <p:cNvSpPr>
              <a:spLocks/>
            </p:cNvSpPr>
            <p:nvPr/>
          </p:nvSpPr>
          <p:spPr bwMode="auto">
            <a:xfrm>
              <a:off x="4822040" y="4728905"/>
              <a:ext cx="17774" cy="31598"/>
            </a:xfrm>
            <a:custGeom>
              <a:avLst/>
              <a:gdLst/>
              <a:ahLst/>
              <a:cxnLst>
                <a:cxn ang="0">
                  <a:pos x="28" y="0"/>
                </a:cxn>
                <a:cxn ang="0">
                  <a:pos x="21" y="7"/>
                </a:cxn>
                <a:cxn ang="0">
                  <a:pos x="21" y="26"/>
                </a:cxn>
                <a:cxn ang="0">
                  <a:pos x="12" y="38"/>
                </a:cxn>
                <a:cxn ang="0">
                  <a:pos x="0" y="45"/>
                </a:cxn>
                <a:cxn ang="0">
                  <a:pos x="0" y="52"/>
                </a:cxn>
                <a:cxn ang="0">
                  <a:pos x="16" y="42"/>
                </a:cxn>
                <a:cxn ang="0">
                  <a:pos x="26" y="28"/>
                </a:cxn>
                <a:cxn ang="0">
                  <a:pos x="28" y="2"/>
                </a:cxn>
                <a:cxn ang="0">
                  <a:pos x="28" y="0"/>
                </a:cxn>
              </a:cxnLst>
              <a:rect l="0" t="0" r="r" b="b"/>
              <a:pathLst>
                <a:path w="28" h="52">
                  <a:moveTo>
                    <a:pt x="28" y="0"/>
                  </a:moveTo>
                  <a:lnTo>
                    <a:pt x="21" y="7"/>
                  </a:lnTo>
                  <a:lnTo>
                    <a:pt x="21" y="26"/>
                  </a:lnTo>
                  <a:lnTo>
                    <a:pt x="12" y="38"/>
                  </a:lnTo>
                  <a:lnTo>
                    <a:pt x="0" y="45"/>
                  </a:lnTo>
                  <a:lnTo>
                    <a:pt x="0" y="52"/>
                  </a:lnTo>
                  <a:lnTo>
                    <a:pt x="16" y="42"/>
                  </a:lnTo>
                  <a:lnTo>
                    <a:pt x="26" y="28"/>
                  </a:lnTo>
                  <a:lnTo>
                    <a:pt x="28" y="2"/>
                  </a:lnTo>
                  <a:lnTo>
                    <a:pt x="28" y="0"/>
                  </a:lnTo>
                  <a:close/>
                </a:path>
              </a:pathLst>
            </a:custGeom>
            <a:solidFill>
              <a:srgbClr val="CCCCCC"/>
            </a:solidFill>
            <a:ln w="6350" cap="flat" cmpd="sng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36" name="Freeform 55"/>
            <p:cNvSpPr>
              <a:spLocks/>
            </p:cNvSpPr>
            <p:nvPr/>
          </p:nvSpPr>
          <p:spPr bwMode="auto">
            <a:xfrm>
              <a:off x="4860550" y="4473158"/>
              <a:ext cx="7900" cy="13824"/>
            </a:xfrm>
            <a:custGeom>
              <a:avLst/>
              <a:gdLst/>
              <a:ahLst/>
              <a:cxnLst>
                <a:cxn ang="0">
                  <a:pos x="4" y="2"/>
                </a:cxn>
                <a:cxn ang="0">
                  <a:pos x="0" y="24"/>
                </a:cxn>
                <a:cxn ang="0">
                  <a:pos x="14" y="17"/>
                </a:cxn>
                <a:cxn ang="0">
                  <a:pos x="9" y="0"/>
                </a:cxn>
                <a:cxn ang="0">
                  <a:pos x="4" y="2"/>
                </a:cxn>
              </a:cxnLst>
              <a:rect l="0" t="0" r="r" b="b"/>
              <a:pathLst>
                <a:path w="14" h="24">
                  <a:moveTo>
                    <a:pt x="4" y="2"/>
                  </a:moveTo>
                  <a:lnTo>
                    <a:pt x="0" y="24"/>
                  </a:lnTo>
                  <a:lnTo>
                    <a:pt x="14" y="17"/>
                  </a:lnTo>
                  <a:lnTo>
                    <a:pt x="9" y="0"/>
                  </a:lnTo>
                  <a:lnTo>
                    <a:pt x="4" y="2"/>
                  </a:lnTo>
                  <a:close/>
                </a:path>
              </a:pathLst>
            </a:custGeom>
            <a:solidFill>
              <a:srgbClr val="CCCCCC"/>
            </a:solidFill>
            <a:ln w="6350" cap="flat" cmpd="sng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37" name="Freeform 68"/>
            <p:cNvSpPr>
              <a:spLocks/>
            </p:cNvSpPr>
            <p:nvPr/>
          </p:nvSpPr>
          <p:spPr bwMode="auto">
            <a:xfrm>
              <a:off x="4446811" y="4846411"/>
              <a:ext cx="86895" cy="69121"/>
            </a:xfrm>
            <a:custGeom>
              <a:avLst/>
              <a:gdLst/>
              <a:ahLst/>
              <a:cxnLst>
                <a:cxn ang="0">
                  <a:pos x="134" y="26"/>
                </a:cxn>
                <a:cxn ang="0">
                  <a:pos x="144" y="26"/>
                </a:cxn>
                <a:cxn ang="0">
                  <a:pos x="141" y="11"/>
                </a:cxn>
                <a:cxn ang="0">
                  <a:pos x="132" y="0"/>
                </a:cxn>
                <a:cxn ang="0">
                  <a:pos x="113" y="7"/>
                </a:cxn>
                <a:cxn ang="0">
                  <a:pos x="106" y="4"/>
                </a:cxn>
                <a:cxn ang="0">
                  <a:pos x="92" y="14"/>
                </a:cxn>
                <a:cxn ang="0">
                  <a:pos x="85" y="30"/>
                </a:cxn>
                <a:cxn ang="0">
                  <a:pos x="75" y="42"/>
                </a:cxn>
                <a:cxn ang="0">
                  <a:pos x="61" y="44"/>
                </a:cxn>
                <a:cxn ang="0">
                  <a:pos x="47" y="63"/>
                </a:cxn>
                <a:cxn ang="0">
                  <a:pos x="42" y="78"/>
                </a:cxn>
                <a:cxn ang="0">
                  <a:pos x="21" y="92"/>
                </a:cxn>
                <a:cxn ang="0">
                  <a:pos x="16" y="104"/>
                </a:cxn>
                <a:cxn ang="0">
                  <a:pos x="11" y="108"/>
                </a:cxn>
                <a:cxn ang="0">
                  <a:pos x="0" y="111"/>
                </a:cxn>
                <a:cxn ang="0">
                  <a:pos x="21" y="115"/>
                </a:cxn>
                <a:cxn ang="0">
                  <a:pos x="30" y="99"/>
                </a:cxn>
                <a:cxn ang="0">
                  <a:pos x="47" y="92"/>
                </a:cxn>
                <a:cxn ang="0">
                  <a:pos x="61" y="61"/>
                </a:cxn>
                <a:cxn ang="0">
                  <a:pos x="82" y="56"/>
                </a:cxn>
                <a:cxn ang="0">
                  <a:pos x="94" y="40"/>
                </a:cxn>
                <a:cxn ang="0">
                  <a:pos x="96" y="28"/>
                </a:cxn>
                <a:cxn ang="0">
                  <a:pos x="103" y="18"/>
                </a:cxn>
                <a:cxn ang="0">
                  <a:pos x="115" y="26"/>
                </a:cxn>
                <a:cxn ang="0">
                  <a:pos x="111" y="42"/>
                </a:cxn>
                <a:cxn ang="0">
                  <a:pos x="118" y="47"/>
                </a:cxn>
                <a:cxn ang="0">
                  <a:pos x="132" y="42"/>
                </a:cxn>
                <a:cxn ang="0">
                  <a:pos x="129" y="30"/>
                </a:cxn>
                <a:cxn ang="0">
                  <a:pos x="134" y="26"/>
                </a:cxn>
              </a:cxnLst>
              <a:rect l="0" t="0" r="r" b="b"/>
              <a:pathLst>
                <a:path w="144" h="115">
                  <a:moveTo>
                    <a:pt x="134" y="26"/>
                  </a:moveTo>
                  <a:lnTo>
                    <a:pt x="144" y="26"/>
                  </a:lnTo>
                  <a:lnTo>
                    <a:pt x="141" y="11"/>
                  </a:lnTo>
                  <a:lnTo>
                    <a:pt x="132" y="0"/>
                  </a:lnTo>
                  <a:lnTo>
                    <a:pt x="113" y="7"/>
                  </a:lnTo>
                  <a:lnTo>
                    <a:pt x="106" y="4"/>
                  </a:lnTo>
                  <a:lnTo>
                    <a:pt x="92" y="14"/>
                  </a:lnTo>
                  <a:lnTo>
                    <a:pt x="85" y="30"/>
                  </a:lnTo>
                  <a:lnTo>
                    <a:pt x="75" y="42"/>
                  </a:lnTo>
                  <a:lnTo>
                    <a:pt x="61" y="44"/>
                  </a:lnTo>
                  <a:lnTo>
                    <a:pt x="47" y="63"/>
                  </a:lnTo>
                  <a:lnTo>
                    <a:pt x="42" y="78"/>
                  </a:lnTo>
                  <a:lnTo>
                    <a:pt x="21" y="92"/>
                  </a:lnTo>
                  <a:lnTo>
                    <a:pt x="16" y="104"/>
                  </a:lnTo>
                  <a:lnTo>
                    <a:pt x="11" y="108"/>
                  </a:lnTo>
                  <a:lnTo>
                    <a:pt x="0" y="111"/>
                  </a:lnTo>
                  <a:lnTo>
                    <a:pt x="21" y="115"/>
                  </a:lnTo>
                  <a:lnTo>
                    <a:pt x="30" y="99"/>
                  </a:lnTo>
                  <a:lnTo>
                    <a:pt x="47" y="92"/>
                  </a:lnTo>
                  <a:lnTo>
                    <a:pt x="61" y="61"/>
                  </a:lnTo>
                  <a:lnTo>
                    <a:pt x="82" y="56"/>
                  </a:lnTo>
                  <a:lnTo>
                    <a:pt x="94" y="40"/>
                  </a:lnTo>
                  <a:lnTo>
                    <a:pt x="96" y="28"/>
                  </a:lnTo>
                  <a:lnTo>
                    <a:pt x="103" y="18"/>
                  </a:lnTo>
                  <a:lnTo>
                    <a:pt x="115" y="26"/>
                  </a:lnTo>
                  <a:lnTo>
                    <a:pt x="111" y="42"/>
                  </a:lnTo>
                  <a:lnTo>
                    <a:pt x="118" y="47"/>
                  </a:lnTo>
                  <a:lnTo>
                    <a:pt x="132" y="42"/>
                  </a:lnTo>
                  <a:lnTo>
                    <a:pt x="129" y="30"/>
                  </a:lnTo>
                  <a:lnTo>
                    <a:pt x="134" y="26"/>
                  </a:lnTo>
                  <a:close/>
                </a:path>
              </a:pathLst>
            </a:custGeom>
            <a:solidFill>
              <a:srgbClr val="CCCCCC"/>
            </a:solidFill>
            <a:ln w="6350" cap="flat" cmpd="sng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38" name="Freeform 69"/>
            <p:cNvSpPr>
              <a:spLocks/>
            </p:cNvSpPr>
            <p:nvPr/>
          </p:nvSpPr>
          <p:spPr bwMode="auto">
            <a:xfrm>
              <a:off x="4514944" y="4872084"/>
              <a:ext cx="28636" cy="42459"/>
            </a:xfrm>
            <a:custGeom>
              <a:avLst/>
              <a:gdLst/>
              <a:ahLst/>
              <a:cxnLst>
                <a:cxn ang="0">
                  <a:pos x="28" y="10"/>
                </a:cxn>
                <a:cxn ang="0">
                  <a:pos x="24" y="36"/>
                </a:cxn>
                <a:cxn ang="0">
                  <a:pos x="9" y="50"/>
                </a:cxn>
                <a:cxn ang="0">
                  <a:pos x="0" y="71"/>
                </a:cxn>
                <a:cxn ang="0">
                  <a:pos x="28" y="38"/>
                </a:cxn>
                <a:cxn ang="0">
                  <a:pos x="47" y="10"/>
                </a:cxn>
                <a:cxn ang="0">
                  <a:pos x="45" y="0"/>
                </a:cxn>
                <a:cxn ang="0">
                  <a:pos x="28" y="10"/>
                </a:cxn>
              </a:cxnLst>
              <a:rect l="0" t="0" r="r" b="b"/>
              <a:pathLst>
                <a:path w="47" h="71">
                  <a:moveTo>
                    <a:pt x="28" y="10"/>
                  </a:moveTo>
                  <a:lnTo>
                    <a:pt x="24" y="36"/>
                  </a:lnTo>
                  <a:lnTo>
                    <a:pt x="9" y="50"/>
                  </a:lnTo>
                  <a:lnTo>
                    <a:pt x="0" y="71"/>
                  </a:lnTo>
                  <a:lnTo>
                    <a:pt x="28" y="38"/>
                  </a:lnTo>
                  <a:lnTo>
                    <a:pt x="47" y="10"/>
                  </a:lnTo>
                  <a:lnTo>
                    <a:pt x="45" y="0"/>
                  </a:lnTo>
                  <a:lnTo>
                    <a:pt x="28" y="10"/>
                  </a:lnTo>
                  <a:close/>
                </a:path>
              </a:pathLst>
            </a:custGeom>
            <a:solidFill>
              <a:srgbClr val="CCCCCC"/>
            </a:solidFill>
            <a:ln w="6350" cap="flat" cmpd="sng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39" name="Freeform 70"/>
            <p:cNvSpPr>
              <a:spLocks/>
            </p:cNvSpPr>
            <p:nvPr/>
          </p:nvSpPr>
          <p:spPr bwMode="auto">
            <a:xfrm>
              <a:off x="4471498" y="4842461"/>
              <a:ext cx="31598" cy="9874"/>
            </a:xfrm>
            <a:custGeom>
              <a:avLst/>
              <a:gdLst/>
              <a:ahLst/>
              <a:cxnLst>
                <a:cxn ang="0">
                  <a:pos x="12" y="17"/>
                </a:cxn>
                <a:cxn ang="0">
                  <a:pos x="21" y="5"/>
                </a:cxn>
                <a:cxn ang="0">
                  <a:pos x="35" y="8"/>
                </a:cxn>
                <a:cxn ang="0">
                  <a:pos x="42" y="12"/>
                </a:cxn>
                <a:cxn ang="0">
                  <a:pos x="54" y="8"/>
                </a:cxn>
                <a:cxn ang="0">
                  <a:pos x="45" y="0"/>
                </a:cxn>
                <a:cxn ang="0">
                  <a:pos x="14" y="0"/>
                </a:cxn>
                <a:cxn ang="0">
                  <a:pos x="0" y="10"/>
                </a:cxn>
                <a:cxn ang="0">
                  <a:pos x="2" y="17"/>
                </a:cxn>
                <a:cxn ang="0">
                  <a:pos x="12" y="17"/>
                </a:cxn>
              </a:cxnLst>
              <a:rect l="0" t="0" r="r" b="b"/>
              <a:pathLst>
                <a:path w="54" h="17">
                  <a:moveTo>
                    <a:pt x="12" y="17"/>
                  </a:moveTo>
                  <a:lnTo>
                    <a:pt x="21" y="5"/>
                  </a:lnTo>
                  <a:lnTo>
                    <a:pt x="35" y="8"/>
                  </a:lnTo>
                  <a:lnTo>
                    <a:pt x="42" y="12"/>
                  </a:lnTo>
                  <a:lnTo>
                    <a:pt x="54" y="8"/>
                  </a:lnTo>
                  <a:lnTo>
                    <a:pt x="45" y="0"/>
                  </a:lnTo>
                  <a:lnTo>
                    <a:pt x="14" y="0"/>
                  </a:lnTo>
                  <a:lnTo>
                    <a:pt x="0" y="10"/>
                  </a:lnTo>
                  <a:lnTo>
                    <a:pt x="2" y="17"/>
                  </a:lnTo>
                  <a:lnTo>
                    <a:pt x="12" y="17"/>
                  </a:lnTo>
                  <a:close/>
                </a:path>
              </a:pathLst>
            </a:custGeom>
            <a:solidFill>
              <a:srgbClr val="CCCCCC"/>
            </a:solidFill>
            <a:ln w="6350" cap="flat" cmpd="sng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40" name="Freeform 71"/>
            <p:cNvSpPr>
              <a:spLocks/>
            </p:cNvSpPr>
            <p:nvPr/>
          </p:nvSpPr>
          <p:spPr bwMode="auto">
            <a:xfrm>
              <a:off x="2321832" y="5303597"/>
              <a:ext cx="54309" cy="4938"/>
            </a:xfrm>
            <a:custGeom>
              <a:avLst/>
              <a:gdLst/>
              <a:ahLst/>
              <a:cxnLst>
                <a:cxn ang="0">
                  <a:pos x="0" y="2"/>
                </a:cxn>
                <a:cxn ang="0">
                  <a:pos x="38" y="7"/>
                </a:cxn>
                <a:cxn ang="0">
                  <a:pos x="88" y="0"/>
                </a:cxn>
              </a:cxnLst>
              <a:rect l="0" t="0" r="r" b="b"/>
              <a:pathLst>
                <a:path w="88" h="7">
                  <a:moveTo>
                    <a:pt x="0" y="2"/>
                  </a:moveTo>
                  <a:lnTo>
                    <a:pt x="38" y="7"/>
                  </a:lnTo>
                  <a:lnTo>
                    <a:pt x="88" y="0"/>
                  </a:lnTo>
                </a:path>
              </a:pathLst>
            </a:custGeom>
            <a:solidFill>
              <a:srgbClr val="CCCCCC"/>
            </a:solidFill>
            <a:ln w="6350" cap="flat" cmpd="sng">
              <a:solidFill>
                <a:schemeClr val="accent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endParaRPr lang="en-US">
                <a:solidFill>
                  <a:srgbClr val="000000"/>
                </a:solidFill>
              </a:endParaRPr>
            </a:p>
          </p:txBody>
        </p:sp>
        <p:sp>
          <p:nvSpPr>
            <p:cNvPr id="41" name="Freeform 40"/>
            <p:cNvSpPr/>
            <p:nvPr/>
          </p:nvSpPr>
          <p:spPr>
            <a:xfrm>
              <a:off x="282759" y="3315872"/>
              <a:ext cx="1604597" cy="1551274"/>
            </a:xfrm>
            <a:custGeom>
              <a:avLst/>
              <a:gdLst/>
              <a:ahLst/>
              <a:cxnLst/>
              <a:rect l="l" t="t" r="r" b="b"/>
              <a:pathLst>
                <a:path w="2579688" h="2493962">
                  <a:moveTo>
                    <a:pt x="932470" y="0"/>
                  </a:moveTo>
                  <a:lnTo>
                    <a:pt x="955815" y="8753"/>
                  </a:lnTo>
                  <a:lnTo>
                    <a:pt x="1001534" y="10698"/>
                  </a:lnTo>
                  <a:lnTo>
                    <a:pt x="1015152" y="68077"/>
                  </a:lnTo>
                  <a:lnTo>
                    <a:pt x="1003479" y="109895"/>
                  </a:lnTo>
                  <a:lnTo>
                    <a:pt x="1035579" y="118648"/>
                  </a:lnTo>
                  <a:lnTo>
                    <a:pt x="1086161" y="93362"/>
                  </a:lnTo>
                  <a:lnTo>
                    <a:pt x="1121180" y="98225"/>
                  </a:lnTo>
                  <a:lnTo>
                    <a:pt x="1132853" y="27231"/>
                  </a:lnTo>
                  <a:lnTo>
                    <a:pt x="1148416" y="22368"/>
                  </a:lnTo>
                  <a:lnTo>
                    <a:pt x="1164953" y="29176"/>
                  </a:lnTo>
                  <a:lnTo>
                    <a:pt x="1166898" y="70994"/>
                  </a:lnTo>
                  <a:lnTo>
                    <a:pt x="1217480" y="64187"/>
                  </a:lnTo>
                  <a:lnTo>
                    <a:pt x="1272926" y="64187"/>
                  </a:lnTo>
                  <a:lnTo>
                    <a:pt x="1283626" y="29176"/>
                  </a:lnTo>
                  <a:lnTo>
                    <a:pt x="1302108" y="17506"/>
                  </a:lnTo>
                  <a:lnTo>
                    <a:pt x="1330317" y="54461"/>
                  </a:lnTo>
                  <a:lnTo>
                    <a:pt x="1339072" y="105033"/>
                  </a:lnTo>
                  <a:lnTo>
                    <a:pt x="1291408" y="135181"/>
                  </a:lnTo>
                  <a:lnTo>
                    <a:pt x="1332263" y="169219"/>
                  </a:lnTo>
                  <a:lnTo>
                    <a:pt x="1438291" y="107950"/>
                  </a:lnTo>
                  <a:lnTo>
                    <a:pt x="1479146" y="114758"/>
                  </a:lnTo>
                  <a:lnTo>
                    <a:pt x="1495682" y="162411"/>
                  </a:lnTo>
                  <a:lnTo>
                    <a:pt x="1520973" y="153659"/>
                  </a:lnTo>
                  <a:lnTo>
                    <a:pt x="1541400" y="178944"/>
                  </a:lnTo>
                  <a:lnTo>
                    <a:pt x="1548210" y="266471"/>
                  </a:lnTo>
                  <a:lnTo>
                    <a:pt x="1647428" y="256746"/>
                  </a:lnTo>
                  <a:lnTo>
                    <a:pt x="1654237" y="295647"/>
                  </a:lnTo>
                  <a:lnTo>
                    <a:pt x="1630892" y="312180"/>
                  </a:lnTo>
                  <a:lnTo>
                    <a:pt x="1630892" y="351081"/>
                  </a:lnTo>
                  <a:lnTo>
                    <a:pt x="1757347" y="442498"/>
                  </a:lnTo>
                  <a:lnTo>
                    <a:pt x="1851702" y="413322"/>
                  </a:lnTo>
                  <a:lnTo>
                    <a:pt x="1895475" y="472646"/>
                  </a:lnTo>
                  <a:lnTo>
                    <a:pt x="1890612" y="553365"/>
                  </a:lnTo>
                  <a:lnTo>
                    <a:pt x="1875455" y="606943"/>
                  </a:lnTo>
                  <a:lnTo>
                    <a:pt x="1876197" y="607288"/>
                  </a:lnTo>
                  <a:cubicBezTo>
                    <a:pt x="1879982" y="594024"/>
                    <a:pt x="1884929" y="576690"/>
                    <a:pt x="1891393" y="554037"/>
                  </a:cubicBezTo>
                  <a:cubicBezTo>
                    <a:pt x="1891402" y="554040"/>
                    <a:pt x="1892073" y="554292"/>
                    <a:pt x="1946457" y="574711"/>
                  </a:cubicBezTo>
                  <a:cubicBezTo>
                    <a:pt x="1946463" y="574718"/>
                    <a:pt x="1947132" y="575434"/>
                    <a:pt x="2012992" y="645920"/>
                  </a:cubicBezTo>
                  <a:cubicBezTo>
                    <a:pt x="2013005" y="645924"/>
                    <a:pt x="2013985" y="646300"/>
                    <a:pt x="2090999" y="675782"/>
                  </a:cubicBezTo>
                  <a:cubicBezTo>
                    <a:pt x="2091001" y="675792"/>
                    <a:pt x="2091133" y="676790"/>
                    <a:pt x="2104765" y="779149"/>
                  </a:cubicBezTo>
                  <a:cubicBezTo>
                    <a:pt x="2104776" y="779150"/>
                    <a:pt x="2105612" y="779210"/>
                    <a:pt x="2169005" y="783744"/>
                  </a:cubicBezTo>
                  <a:cubicBezTo>
                    <a:pt x="2169012" y="783750"/>
                    <a:pt x="2169473" y="784180"/>
                    <a:pt x="2203420" y="815902"/>
                  </a:cubicBezTo>
                  <a:cubicBezTo>
                    <a:pt x="2203416" y="815917"/>
                    <a:pt x="2203075" y="817055"/>
                    <a:pt x="2175888" y="907785"/>
                  </a:cubicBezTo>
                  <a:cubicBezTo>
                    <a:pt x="2175895" y="907795"/>
                    <a:pt x="2176376" y="908589"/>
                    <a:pt x="2214892" y="972103"/>
                  </a:cubicBezTo>
                  <a:cubicBezTo>
                    <a:pt x="2214903" y="972100"/>
                    <a:pt x="2215817" y="971871"/>
                    <a:pt x="2288310" y="953726"/>
                  </a:cubicBezTo>
                  <a:cubicBezTo>
                    <a:pt x="2288321" y="953732"/>
                    <a:pt x="2288885" y="954037"/>
                    <a:pt x="2318136" y="969806"/>
                  </a:cubicBezTo>
                  <a:cubicBezTo>
                    <a:pt x="2318131" y="969817"/>
                    <a:pt x="2317831" y="970416"/>
                    <a:pt x="2302076" y="1001965"/>
                  </a:cubicBezTo>
                  <a:cubicBezTo>
                    <a:pt x="2302084" y="1001974"/>
                    <a:pt x="2302658" y="1002752"/>
                    <a:pt x="2347962" y="1063985"/>
                  </a:cubicBezTo>
                  <a:cubicBezTo>
                    <a:pt x="2347960" y="1063994"/>
                    <a:pt x="2347791" y="1064642"/>
                    <a:pt x="2334196" y="1116818"/>
                  </a:cubicBezTo>
                  <a:cubicBezTo>
                    <a:pt x="2334206" y="1116825"/>
                    <a:pt x="2335022" y="1117388"/>
                    <a:pt x="2400731" y="1162759"/>
                  </a:cubicBezTo>
                  <a:cubicBezTo>
                    <a:pt x="2400729" y="1162774"/>
                    <a:pt x="2400554" y="1163915"/>
                    <a:pt x="2386966" y="1252345"/>
                  </a:cubicBezTo>
                  <a:cubicBezTo>
                    <a:pt x="2386975" y="1252350"/>
                    <a:pt x="2387637" y="1252711"/>
                    <a:pt x="2437441" y="1279910"/>
                  </a:cubicBezTo>
                  <a:cubicBezTo>
                    <a:pt x="2437441" y="1279922"/>
                    <a:pt x="2437441" y="1280514"/>
                    <a:pt x="2437441" y="1312068"/>
                  </a:cubicBezTo>
                  <a:cubicBezTo>
                    <a:pt x="2437432" y="1312072"/>
                    <a:pt x="2436970" y="1312282"/>
                    <a:pt x="2412203" y="1323554"/>
                  </a:cubicBezTo>
                  <a:cubicBezTo>
                    <a:pt x="2412207" y="1323567"/>
                    <a:pt x="2412380" y="1324259"/>
                    <a:pt x="2421380" y="1360307"/>
                  </a:cubicBezTo>
                  <a:cubicBezTo>
                    <a:pt x="2421389" y="1360313"/>
                    <a:pt x="2421855" y="1360653"/>
                    <a:pt x="2446618" y="1378683"/>
                  </a:cubicBezTo>
                  <a:cubicBezTo>
                    <a:pt x="2446621" y="1378699"/>
                    <a:pt x="2446853" y="1379863"/>
                    <a:pt x="2464972" y="1470566"/>
                  </a:cubicBezTo>
                  <a:cubicBezTo>
                    <a:pt x="2464985" y="1470568"/>
                    <a:pt x="2465753" y="1470644"/>
                    <a:pt x="2510859" y="1475160"/>
                  </a:cubicBezTo>
                  <a:cubicBezTo>
                    <a:pt x="2510865" y="1475169"/>
                    <a:pt x="2511294" y="1475799"/>
                    <a:pt x="2545273" y="1525695"/>
                  </a:cubicBezTo>
                  <a:cubicBezTo>
                    <a:pt x="2545279" y="1525708"/>
                    <a:pt x="2545711" y="1526747"/>
                    <a:pt x="2579688" y="1608390"/>
                  </a:cubicBezTo>
                  <a:cubicBezTo>
                    <a:pt x="2579685" y="1608402"/>
                    <a:pt x="2579461" y="1609328"/>
                    <a:pt x="2561334" y="1684193"/>
                  </a:cubicBezTo>
                  <a:cubicBezTo>
                    <a:pt x="2561321" y="1684196"/>
                    <a:pt x="2560658" y="1684320"/>
                    <a:pt x="2524625" y="1691084"/>
                  </a:cubicBezTo>
                  <a:cubicBezTo>
                    <a:pt x="2524617" y="1691097"/>
                    <a:pt x="2524156" y="1691828"/>
                    <a:pt x="2497093" y="1734728"/>
                  </a:cubicBezTo>
                  <a:cubicBezTo>
                    <a:pt x="2497081" y="1734732"/>
                    <a:pt x="2496404" y="1734920"/>
                    <a:pt x="2455795" y="1746214"/>
                  </a:cubicBezTo>
                  <a:cubicBezTo>
                    <a:pt x="2455781" y="1746204"/>
                    <a:pt x="2454699" y="1745435"/>
                    <a:pt x="2368611" y="1684193"/>
                  </a:cubicBezTo>
                  <a:cubicBezTo>
                    <a:pt x="2368607" y="1684202"/>
                    <a:pt x="2368263" y="1684890"/>
                    <a:pt x="2341079" y="1739322"/>
                  </a:cubicBezTo>
                  <a:cubicBezTo>
                    <a:pt x="2341069" y="1739319"/>
                    <a:pt x="2340210" y="1739120"/>
                    <a:pt x="2272250" y="1723243"/>
                  </a:cubicBezTo>
                  <a:cubicBezTo>
                    <a:pt x="2272241" y="1723249"/>
                    <a:pt x="2271586" y="1723636"/>
                    <a:pt x="2221775" y="1753105"/>
                  </a:cubicBezTo>
                  <a:cubicBezTo>
                    <a:pt x="2221765" y="1753103"/>
                    <a:pt x="2220958" y="1752935"/>
                    <a:pt x="2155240" y="1739322"/>
                  </a:cubicBezTo>
                  <a:cubicBezTo>
                    <a:pt x="2155229" y="1739326"/>
                    <a:pt x="2154364" y="1739585"/>
                    <a:pt x="2086410" y="1759996"/>
                  </a:cubicBezTo>
                  <a:cubicBezTo>
                    <a:pt x="2086400" y="1759992"/>
                    <a:pt x="2085711" y="1759697"/>
                    <a:pt x="2038229" y="1739322"/>
                  </a:cubicBezTo>
                  <a:cubicBezTo>
                    <a:pt x="2038214" y="1739327"/>
                    <a:pt x="2036992" y="1739677"/>
                    <a:pt x="1941868" y="1766887"/>
                  </a:cubicBezTo>
                  <a:cubicBezTo>
                    <a:pt x="1941843" y="1766883"/>
                    <a:pt x="1916624" y="1762289"/>
                    <a:pt x="1902865" y="1755402"/>
                  </a:cubicBezTo>
                  <a:cubicBezTo>
                    <a:pt x="1891414" y="1748523"/>
                    <a:pt x="1889107" y="1741644"/>
                    <a:pt x="1889099" y="1741620"/>
                  </a:cubicBezTo>
                  <a:cubicBezTo>
                    <a:pt x="1889086" y="1741615"/>
                    <a:pt x="1888316" y="1741306"/>
                    <a:pt x="1843212" y="1723243"/>
                  </a:cubicBezTo>
                  <a:cubicBezTo>
                    <a:pt x="1843212" y="1723238"/>
                    <a:pt x="1843193" y="1723024"/>
                    <a:pt x="1842415" y="1714345"/>
                  </a:cubicBezTo>
                  <a:lnTo>
                    <a:pt x="1840714" y="1714530"/>
                  </a:lnTo>
                  <a:lnTo>
                    <a:pt x="1841500" y="1723577"/>
                  </a:lnTo>
                  <a:lnTo>
                    <a:pt x="1812334" y="1797503"/>
                  </a:lnTo>
                  <a:lnTo>
                    <a:pt x="1729695" y="1802366"/>
                  </a:lnTo>
                  <a:lnTo>
                    <a:pt x="1697611" y="1863647"/>
                  </a:lnTo>
                  <a:lnTo>
                    <a:pt x="1743306" y="1880183"/>
                  </a:lnTo>
                  <a:lnTo>
                    <a:pt x="1780250" y="1946327"/>
                  </a:lnTo>
                  <a:lnTo>
                    <a:pt x="1743306" y="2013444"/>
                  </a:lnTo>
                  <a:lnTo>
                    <a:pt x="1687889" y="2050407"/>
                  </a:lnTo>
                  <a:lnTo>
                    <a:pt x="1625667" y="2197286"/>
                  </a:lnTo>
                  <a:lnTo>
                    <a:pt x="1547889" y="2268294"/>
                  </a:lnTo>
                  <a:lnTo>
                    <a:pt x="1502195" y="2303311"/>
                  </a:lnTo>
                  <a:lnTo>
                    <a:pt x="1465250" y="2284830"/>
                  </a:lnTo>
                  <a:lnTo>
                    <a:pt x="1441917" y="2273157"/>
                  </a:lnTo>
                  <a:lnTo>
                    <a:pt x="1399139" y="2312066"/>
                  </a:lnTo>
                  <a:lnTo>
                    <a:pt x="1414695" y="2362647"/>
                  </a:lnTo>
                  <a:lnTo>
                    <a:pt x="1396222" y="2447272"/>
                  </a:lnTo>
                  <a:lnTo>
                    <a:pt x="1370945" y="2479372"/>
                  </a:lnTo>
                  <a:lnTo>
                    <a:pt x="1332056" y="2493962"/>
                  </a:lnTo>
                  <a:lnTo>
                    <a:pt x="1308722" y="2465754"/>
                  </a:lnTo>
                  <a:lnTo>
                    <a:pt x="1293167" y="2406418"/>
                  </a:lnTo>
                  <a:lnTo>
                    <a:pt x="1203722" y="2360701"/>
                  </a:lnTo>
                  <a:lnTo>
                    <a:pt x="1089000" y="2339302"/>
                  </a:lnTo>
                  <a:lnTo>
                    <a:pt x="1035528" y="2332493"/>
                  </a:lnTo>
                  <a:lnTo>
                    <a:pt x="1003445" y="2330547"/>
                  </a:lnTo>
                  <a:lnTo>
                    <a:pt x="991778" y="2314011"/>
                  </a:lnTo>
                  <a:lnTo>
                    <a:pt x="971361" y="2254676"/>
                  </a:lnTo>
                  <a:lnTo>
                    <a:pt x="959695" y="2231331"/>
                  </a:lnTo>
                  <a:lnTo>
                    <a:pt x="941222" y="2222577"/>
                  </a:lnTo>
                  <a:lnTo>
                    <a:pt x="905250" y="2212849"/>
                  </a:lnTo>
                  <a:lnTo>
                    <a:pt x="888722" y="2195341"/>
                  </a:lnTo>
                  <a:lnTo>
                    <a:pt x="831361" y="2197286"/>
                  </a:lnTo>
                  <a:lnTo>
                    <a:pt x="794417" y="2220631"/>
                  </a:lnTo>
                  <a:lnTo>
                    <a:pt x="760389" y="2167132"/>
                  </a:lnTo>
                  <a:lnTo>
                    <a:pt x="730250" y="2146705"/>
                  </a:lnTo>
                  <a:lnTo>
                    <a:pt x="792472" y="2072779"/>
                  </a:lnTo>
                  <a:lnTo>
                    <a:pt x="824556" y="2065970"/>
                  </a:lnTo>
                  <a:lnTo>
                    <a:pt x="886778" y="2068889"/>
                  </a:lnTo>
                  <a:lnTo>
                    <a:pt x="891639" y="2022199"/>
                  </a:lnTo>
                  <a:lnTo>
                    <a:pt x="826500" y="1983290"/>
                  </a:lnTo>
                  <a:lnTo>
                    <a:pt x="790528" y="2001772"/>
                  </a:lnTo>
                  <a:lnTo>
                    <a:pt x="753583" y="1951191"/>
                  </a:lnTo>
                  <a:lnTo>
                    <a:pt x="806083" y="1907419"/>
                  </a:lnTo>
                  <a:lnTo>
                    <a:pt x="841083" y="1845166"/>
                  </a:lnTo>
                  <a:lnTo>
                    <a:pt x="844972" y="1804312"/>
                  </a:lnTo>
                  <a:lnTo>
                    <a:pt x="905250" y="1748867"/>
                  </a:lnTo>
                  <a:lnTo>
                    <a:pt x="893583" y="1714823"/>
                  </a:lnTo>
                  <a:lnTo>
                    <a:pt x="898160" y="1704031"/>
                  </a:lnTo>
                  <a:lnTo>
                    <a:pt x="897973" y="1703967"/>
                  </a:lnTo>
                  <a:lnTo>
                    <a:pt x="894172" y="1712912"/>
                  </a:lnTo>
                  <a:lnTo>
                    <a:pt x="827036" y="1694455"/>
                  </a:lnTo>
                  <a:lnTo>
                    <a:pt x="804658" y="1712912"/>
                  </a:lnTo>
                  <a:lnTo>
                    <a:pt x="754063" y="1696398"/>
                  </a:lnTo>
                  <a:lnTo>
                    <a:pt x="698603" y="1652683"/>
                  </a:lnTo>
                  <a:lnTo>
                    <a:pt x="649953" y="1645883"/>
                  </a:lnTo>
                  <a:lnTo>
                    <a:pt x="622710" y="1568168"/>
                  </a:lnTo>
                  <a:lnTo>
                    <a:pt x="590601" y="1576911"/>
                  </a:lnTo>
                  <a:lnTo>
                    <a:pt x="563358" y="1605083"/>
                  </a:lnTo>
                  <a:lnTo>
                    <a:pt x="544871" y="1598283"/>
                  </a:lnTo>
                  <a:lnTo>
                    <a:pt x="494276" y="1549711"/>
                  </a:lnTo>
                  <a:lnTo>
                    <a:pt x="477735" y="1515711"/>
                  </a:lnTo>
                  <a:lnTo>
                    <a:pt x="433951" y="1504054"/>
                  </a:lnTo>
                  <a:lnTo>
                    <a:pt x="425194" y="1467139"/>
                  </a:lnTo>
                  <a:lnTo>
                    <a:pt x="432005" y="1443825"/>
                  </a:lnTo>
                  <a:lnTo>
                    <a:pt x="401842" y="1372910"/>
                  </a:lnTo>
                  <a:lnTo>
                    <a:pt x="328869" y="1338910"/>
                  </a:lnTo>
                  <a:lnTo>
                    <a:pt x="349301" y="1271881"/>
                  </a:lnTo>
                  <a:lnTo>
                    <a:pt x="330815" y="1221366"/>
                  </a:lnTo>
                  <a:lnTo>
                    <a:pt x="283138" y="1224280"/>
                  </a:lnTo>
                  <a:lnTo>
                    <a:pt x="280219" y="1202909"/>
                  </a:lnTo>
                  <a:lnTo>
                    <a:pt x="335680" y="1157251"/>
                  </a:lnTo>
                  <a:lnTo>
                    <a:pt x="365842" y="1010564"/>
                  </a:lnTo>
                  <a:lnTo>
                    <a:pt x="324004" y="1017364"/>
                  </a:lnTo>
                  <a:lnTo>
                    <a:pt x="298706" y="1042622"/>
                  </a:lnTo>
                  <a:lnTo>
                    <a:pt x="266598" y="1019307"/>
                  </a:lnTo>
                  <a:lnTo>
                    <a:pt x="254922" y="980450"/>
                  </a:lnTo>
                  <a:lnTo>
                    <a:pt x="252976" y="904678"/>
                  </a:lnTo>
                  <a:lnTo>
                    <a:pt x="172218" y="860963"/>
                  </a:lnTo>
                  <a:lnTo>
                    <a:pt x="146920" y="767705"/>
                  </a:lnTo>
                  <a:lnTo>
                    <a:pt x="108001" y="774505"/>
                  </a:lnTo>
                  <a:lnTo>
                    <a:pt x="43784" y="691933"/>
                  </a:lnTo>
                  <a:lnTo>
                    <a:pt x="18487" y="609361"/>
                  </a:lnTo>
                  <a:lnTo>
                    <a:pt x="0" y="579247"/>
                  </a:lnTo>
                  <a:lnTo>
                    <a:pt x="27243" y="552047"/>
                  </a:lnTo>
                  <a:lnTo>
                    <a:pt x="69082" y="544275"/>
                  </a:lnTo>
                  <a:lnTo>
                    <a:pt x="99244" y="562733"/>
                  </a:lnTo>
                  <a:lnTo>
                    <a:pt x="158596" y="562733"/>
                  </a:lnTo>
                  <a:lnTo>
                    <a:pt x="185840" y="523875"/>
                  </a:lnTo>
                  <a:lnTo>
                    <a:pt x="197516" y="526789"/>
                  </a:lnTo>
                  <a:lnTo>
                    <a:pt x="224759" y="535532"/>
                  </a:lnTo>
                  <a:lnTo>
                    <a:pt x="229624" y="542332"/>
                  </a:lnTo>
                  <a:lnTo>
                    <a:pt x="250057" y="590904"/>
                  </a:lnTo>
                  <a:lnTo>
                    <a:pt x="273408" y="590904"/>
                  </a:lnTo>
                  <a:lnTo>
                    <a:pt x="308436" y="581190"/>
                  </a:lnTo>
                  <a:lnTo>
                    <a:pt x="308436" y="574390"/>
                  </a:lnTo>
                  <a:lnTo>
                    <a:pt x="325312" y="593748"/>
                  </a:lnTo>
                  <a:lnTo>
                    <a:pt x="325335" y="593730"/>
                  </a:lnTo>
                  <a:lnTo>
                    <a:pt x="307975" y="573788"/>
                  </a:lnTo>
                  <a:lnTo>
                    <a:pt x="311866" y="528080"/>
                  </a:lnTo>
                  <a:lnTo>
                    <a:pt x="353694" y="528080"/>
                  </a:lnTo>
                  <a:lnTo>
                    <a:pt x="353694" y="484316"/>
                  </a:lnTo>
                  <a:lnTo>
                    <a:pt x="362448" y="463893"/>
                  </a:lnTo>
                  <a:lnTo>
                    <a:pt x="426648" y="460976"/>
                  </a:lnTo>
                  <a:lnTo>
                    <a:pt x="559913" y="460976"/>
                  </a:lnTo>
                  <a:lnTo>
                    <a:pt x="569640" y="484316"/>
                  </a:lnTo>
                  <a:lnTo>
                    <a:pt x="592013" y="493069"/>
                  </a:lnTo>
                  <a:lnTo>
                    <a:pt x="684423" y="418185"/>
                  </a:lnTo>
                  <a:lnTo>
                    <a:pt x="739868" y="312180"/>
                  </a:lnTo>
                  <a:lnTo>
                    <a:pt x="748623" y="318988"/>
                  </a:lnTo>
                  <a:lnTo>
                    <a:pt x="775860" y="317042"/>
                  </a:lnTo>
                  <a:lnTo>
                    <a:pt x="797260" y="251883"/>
                  </a:lnTo>
                  <a:lnTo>
                    <a:pt x="778778" y="224653"/>
                  </a:lnTo>
                  <a:lnTo>
                    <a:pt x="841033" y="146851"/>
                  </a:lnTo>
                  <a:lnTo>
                    <a:pt x="833251" y="123510"/>
                  </a:lnTo>
                  <a:lnTo>
                    <a:pt x="858542" y="96280"/>
                  </a:lnTo>
                  <a:lnTo>
                    <a:pt x="893560" y="101142"/>
                  </a:lnTo>
                  <a:lnTo>
                    <a:pt x="925661" y="50571"/>
                  </a:lnTo>
                  <a:lnTo>
                    <a:pt x="913988" y="17506"/>
                  </a:lnTo>
                  <a:close/>
                </a:path>
              </a:pathLst>
            </a:custGeom>
            <a:solidFill>
              <a:srgbClr val="FF9933"/>
            </a:solidFill>
            <a:ln w="6350" algn="ctr">
              <a:solidFill>
                <a:schemeClr val="bg1">
                  <a:lumMod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 dirty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42" name="Freeform 41"/>
            <p:cNvSpPr/>
            <p:nvPr/>
          </p:nvSpPr>
          <p:spPr>
            <a:xfrm>
              <a:off x="1096412" y="4203584"/>
              <a:ext cx="1375510" cy="1333050"/>
            </a:xfrm>
            <a:custGeom>
              <a:avLst/>
              <a:gdLst/>
              <a:ahLst/>
              <a:cxnLst/>
              <a:rect l="l" t="t" r="r" b="b"/>
              <a:pathLst>
                <a:path w="2211388" h="2143125">
                  <a:moveTo>
                    <a:pt x="1877221" y="0"/>
                  </a:moveTo>
                  <a:lnTo>
                    <a:pt x="2047324" y="0"/>
                  </a:lnTo>
                  <a:lnTo>
                    <a:pt x="2058988" y="29168"/>
                  </a:lnTo>
                  <a:lnTo>
                    <a:pt x="2050240" y="84587"/>
                  </a:lnTo>
                  <a:lnTo>
                    <a:pt x="2033716" y="121533"/>
                  </a:lnTo>
                  <a:lnTo>
                    <a:pt x="1969563" y="150701"/>
                  </a:lnTo>
                  <a:lnTo>
                    <a:pt x="1962759" y="222649"/>
                  </a:lnTo>
                  <a:lnTo>
                    <a:pt x="1985115" y="258623"/>
                  </a:lnTo>
                  <a:lnTo>
                    <a:pt x="1974423" y="350988"/>
                  </a:lnTo>
                  <a:lnTo>
                    <a:pt x="1964703" y="403491"/>
                  </a:lnTo>
                  <a:lnTo>
                    <a:pt x="2013304" y="420019"/>
                  </a:lnTo>
                  <a:lnTo>
                    <a:pt x="1989975" y="504606"/>
                  </a:lnTo>
                  <a:lnTo>
                    <a:pt x="2017192" y="560026"/>
                  </a:lnTo>
                  <a:lnTo>
                    <a:pt x="1996779" y="617390"/>
                  </a:lnTo>
                  <a:lnTo>
                    <a:pt x="1939430" y="640724"/>
                  </a:lnTo>
                  <a:lnTo>
                    <a:pt x="1942346" y="723367"/>
                  </a:lnTo>
                  <a:lnTo>
                    <a:pt x="1959843" y="748646"/>
                  </a:lnTo>
                  <a:lnTo>
                    <a:pt x="1939430" y="803093"/>
                  </a:lnTo>
                  <a:lnTo>
                    <a:pt x="1907805" y="824182"/>
                  </a:lnTo>
                  <a:lnTo>
                    <a:pt x="1887385" y="938897"/>
                  </a:lnTo>
                  <a:lnTo>
                    <a:pt x="1944791" y="932087"/>
                  </a:lnTo>
                  <a:lnTo>
                    <a:pt x="1951602" y="864970"/>
                  </a:lnTo>
                  <a:lnTo>
                    <a:pt x="1978845" y="860106"/>
                  </a:lnTo>
                  <a:lnTo>
                    <a:pt x="1983710" y="929169"/>
                  </a:lnTo>
                  <a:lnTo>
                    <a:pt x="2007062" y="970996"/>
                  </a:lnTo>
                  <a:lnTo>
                    <a:pt x="2027494" y="1005042"/>
                  </a:lnTo>
                  <a:lnTo>
                    <a:pt x="2064468" y="989478"/>
                  </a:lnTo>
                  <a:lnTo>
                    <a:pt x="2084900" y="1018660"/>
                  </a:lnTo>
                  <a:lnTo>
                    <a:pt x="2061549" y="1072159"/>
                  </a:lnTo>
                  <a:lnTo>
                    <a:pt x="2086846" y="1124686"/>
                  </a:lnTo>
                  <a:lnTo>
                    <a:pt x="2118955" y="1184022"/>
                  </a:lnTo>
                  <a:lnTo>
                    <a:pt x="2158847" y="1170404"/>
                  </a:lnTo>
                  <a:lnTo>
                    <a:pt x="2172469" y="1198613"/>
                  </a:lnTo>
                  <a:lnTo>
                    <a:pt x="2135495" y="1225849"/>
                  </a:lnTo>
                  <a:lnTo>
                    <a:pt x="2137441" y="1257949"/>
                  </a:lnTo>
                  <a:lnTo>
                    <a:pt x="2128685" y="1322149"/>
                  </a:lnTo>
                  <a:lnTo>
                    <a:pt x="2165658" y="1433039"/>
                  </a:lnTo>
                  <a:lnTo>
                    <a:pt x="2211388" y="1439848"/>
                  </a:lnTo>
                  <a:lnTo>
                    <a:pt x="2199712" y="1512802"/>
                  </a:lnTo>
                  <a:lnTo>
                    <a:pt x="2192902" y="1570192"/>
                  </a:lnTo>
                  <a:lnTo>
                    <a:pt x="2174415" y="1632447"/>
                  </a:lnTo>
                  <a:lnTo>
                    <a:pt x="2184145" y="1667465"/>
                  </a:lnTo>
                  <a:lnTo>
                    <a:pt x="2179280" y="1694701"/>
                  </a:lnTo>
                  <a:lnTo>
                    <a:pt x="2133550" y="1719992"/>
                  </a:lnTo>
                  <a:lnTo>
                    <a:pt x="2086846" y="1745282"/>
                  </a:lnTo>
                  <a:lnTo>
                    <a:pt x="2057657" y="1768628"/>
                  </a:lnTo>
                  <a:lnTo>
                    <a:pt x="2009008" y="1775437"/>
                  </a:lnTo>
                  <a:lnTo>
                    <a:pt x="1972034" y="1770573"/>
                  </a:lnTo>
                  <a:lnTo>
                    <a:pt x="1990521" y="1839636"/>
                  </a:lnTo>
                  <a:lnTo>
                    <a:pt x="1993440" y="1878545"/>
                  </a:lnTo>
                  <a:lnTo>
                    <a:pt x="2034305" y="1924263"/>
                  </a:lnTo>
                  <a:lnTo>
                    <a:pt x="2032359" y="1986517"/>
                  </a:lnTo>
                  <a:lnTo>
                    <a:pt x="2045981" y="2002081"/>
                  </a:lnTo>
                  <a:lnTo>
                    <a:pt x="2086846" y="2000135"/>
                  </a:lnTo>
                  <a:lnTo>
                    <a:pt x="2098522" y="2023480"/>
                  </a:lnTo>
                  <a:lnTo>
                    <a:pt x="2086846" y="2045853"/>
                  </a:lnTo>
                  <a:lnTo>
                    <a:pt x="2093657" y="2087680"/>
                  </a:lnTo>
                  <a:lnTo>
                    <a:pt x="2128685" y="2138262"/>
                  </a:lnTo>
                  <a:lnTo>
                    <a:pt x="2101441" y="2135343"/>
                  </a:lnTo>
                  <a:lnTo>
                    <a:pt x="2076143" y="2140207"/>
                  </a:lnTo>
                  <a:lnTo>
                    <a:pt x="2066414" y="2140207"/>
                  </a:lnTo>
                  <a:lnTo>
                    <a:pt x="2059603" y="2131453"/>
                  </a:lnTo>
                  <a:lnTo>
                    <a:pt x="2041116" y="2106162"/>
                  </a:lnTo>
                  <a:lnTo>
                    <a:pt x="2010954" y="2082816"/>
                  </a:lnTo>
                  <a:lnTo>
                    <a:pt x="1972034" y="2074062"/>
                  </a:lnTo>
                  <a:lnTo>
                    <a:pt x="1928250" y="2069198"/>
                  </a:lnTo>
                  <a:lnTo>
                    <a:pt x="1917547" y="2060444"/>
                  </a:lnTo>
                  <a:lnTo>
                    <a:pt x="1907817" y="2050717"/>
                  </a:lnTo>
                  <a:lnTo>
                    <a:pt x="1889331" y="2055580"/>
                  </a:lnTo>
                  <a:lnTo>
                    <a:pt x="1823168" y="2117834"/>
                  </a:lnTo>
                  <a:lnTo>
                    <a:pt x="1804681" y="2131453"/>
                  </a:lnTo>
                  <a:lnTo>
                    <a:pt x="1788140" y="2135343"/>
                  </a:lnTo>
                  <a:lnTo>
                    <a:pt x="1756032" y="2133398"/>
                  </a:lnTo>
                  <a:lnTo>
                    <a:pt x="1717112" y="2133398"/>
                  </a:lnTo>
                  <a:lnTo>
                    <a:pt x="1671382" y="2143125"/>
                  </a:lnTo>
                  <a:lnTo>
                    <a:pt x="1646085" y="2143125"/>
                  </a:lnTo>
                  <a:lnTo>
                    <a:pt x="1620787" y="2135343"/>
                  </a:lnTo>
                  <a:lnTo>
                    <a:pt x="1585760" y="2124643"/>
                  </a:lnTo>
                  <a:lnTo>
                    <a:pt x="1556570" y="2108107"/>
                  </a:lnTo>
                  <a:lnTo>
                    <a:pt x="1563235" y="2100223"/>
                  </a:lnTo>
                  <a:lnTo>
                    <a:pt x="1563074" y="2100134"/>
                  </a:lnTo>
                  <a:lnTo>
                    <a:pt x="1556270" y="2108200"/>
                  </a:lnTo>
                  <a:lnTo>
                    <a:pt x="1492202" y="2076107"/>
                  </a:lnTo>
                  <a:lnTo>
                    <a:pt x="1441724" y="2055683"/>
                  </a:lnTo>
                  <a:lnTo>
                    <a:pt x="1399982" y="2050821"/>
                  </a:lnTo>
                  <a:lnTo>
                    <a:pt x="1366006" y="2042068"/>
                  </a:lnTo>
                  <a:lnTo>
                    <a:pt x="1356299" y="2027480"/>
                  </a:lnTo>
                  <a:lnTo>
                    <a:pt x="1333972" y="2000249"/>
                  </a:lnTo>
                  <a:lnTo>
                    <a:pt x="1326206" y="1998304"/>
                  </a:lnTo>
                  <a:lnTo>
                    <a:pt x="1273787" y="1979826"/>
                  </a:lnTo>
                  <a:lnTo>
                    <a:pt x="1246606" y="1981771"/>
                  </a:lnTo>
                  <a:lnTo>
                    <a:pt x="1228162" y="1995386"/>
                  </a:lnTo>
                  <a:lnTo>
                    <a:pt x="1214572" y="2000249"/>
                  </a:lnTo>
                  <a:lnTo>
                    <a:pt x="1189333" y="1995386"/>
                  </a:lnTo>
                  <a:lnTo>
                    <a:pt x="1161181" y="1981771"/>
                  </a:lnTo>
                  <a:lnTo>
                    <a:pt x="1101967" y="1938007"/>
                  </a:lnTo>
                  <a:lnTo>
                    <a:pt x="1085464" y="1934117"/>
                  </a:lnTo>
                  <a:lnTo>
                    <a:pt x="1051488" y="1929254"/>
                  </a:lnTo>
                  <a:lnTo>
                    <a:pt x="1033044" y="1934117"/>
                  </a:lnTo>
                  <a:lnTo>
                    <a:pt x="1019454" y="1934117"/>
                  </a:lnTo>
                  <a:lnTo>
                    <a:pt x="957327" y="1924391"/>
                  </a:lnTo>
                  <a:lnTo>
                    <a:pt x="906849" y="1924391"/>
                  </a:lnTo>
                  <a:lnTo>
                    <a:pt x="776770" y="1936062"/>
                  </a:lnTo>
                  <a:lnTo>
                    <a:pt x="668048" y="1938007"/>
                  </a:lnTo>
                  <a:lnTo>
                    <a:pt x="645721" y="1934117"/>
                  </a:lnTo>
                  <a:lnTo>
                    <a:pt x="610775" y="1915638"/>
                  </a:lnTo>
                  <a:lnTo>
                    <a:pt x="581653" y="1892298"/>
                  </a:lnTo>
                  <a:lnTo>
                    <a:pt x="565150" y="1867012"/>
                  </a:lnTo>
                  <a:lnTo>
                    <a:pt x="565150" y="1841726"/>
                  </a:lnTo>
                  <a:lnTo>
                    <a:pt x="583594" y="1818385"/>
                  </a:lnTo>
                  <a:lnTo>
                    <a:pt x="585536" y="1802824"/>
                  </a:lnTo>
                  <a:lnTo>
                    <a:pt x="583594" y="1745445"/>
                  </a:lnTo>
                  <a:lnTo>
                    <a:pt x="588448" y="1733774"/>
                  </a:lnTo>
                  <a:lnTo>
                    <a:pt x="603980" y="1731829"/>
                  </a:lnTo>
                  <a:lnTo>
                    <a:pt x="632131" y="1735719"/>
                  </a:lnTo>
                  <a:lnTo>
                    <a:pt x="638926" y="1731829"/>
                  </a:lnTo>
                  <a:lnTo>
                    <a:pt x="654458" y="1713351"/>
                  </a:lnTo>
                  <a:lnTo>
                    <a:pt x="679697" y="1703626"/>
                  </a:lnTo>
                  <a:lnTo>
                    <a:pt x="691346" y="1703626"/>
                  </a:lnTo>
                  <a:lnTo>
                    <a:pt x="709790" y="1696818"/>
                  </a:lnTo>
                  <a:lnTo>
                    <a:pt x="728234" y="1681258"/>
                  </a:lnTo>
                  <a:lnTo>
                    <a:pt x="735029" y="1662779"/>
                  </a:lnTo>
                  <a:lnTo>
                    <a:pt x="736970" y="1644301"/>
                  </a:lnTo>
                  <a:lnTo>
                    <a:pt x="733087" y="1637493"/>
                  </a:lnTo>
                  <a:lnTo>
                    <a:pt x="737537" y="1629851"/>
                  </a:lnTo>
                  <a:lnTo>
                    <a:pt x="736066" y="1629210"/>
                  </a:lnTo>
                  <a:lnTo>
                    <a:pt x="730770" y="1638300"/>
                  </a:lnTo>
                  <a:lnTo>
                    <a:pt x="721052" y="1628571"/>
                  </a:lnTo>
                  <a:lnTo>
                    <a:pt x="698701" y="1621760"/>
                  </a:lnTo>
                  <a:lnTo>
                    <a:pt x="677322" y="1628571"/>
                  </a:lnTo>
                  <a:lnTo>
                    <a:pt x="663718" y="1633436"/>
                  </a:lnTo>
                  <a:lnTo>
                    <a:pt x="652056" y="1624679"/>
                  </a:lnTo>
                  <a:lnTo>
                    <a:pt x="638452" y="1606193"/>
                  </a:lnTo>
                  <a:lnTo>
                    <a:pt x="629706" y="1582843"/>
                  </a:lnTo>
                  <a:lnTo>
                    <a:pt x="616101" y="1574086"/>
                  </a:lnTo>
                  <a:lnTo>
                    <a:pt x="592779" y="1569221"/>
                  </a:lnTo>
                  <a:lnTo>
                    <a:pt x="565569" y="1569221"/>
                  </a:lnTo>
                  <a:lnTo>
                    <a:pt x="557795" y="1564357"/>
                  </a:lnTo>
                  <a:lnTo>
                    <a:pt x="549049" y="1557546"/>
                  </a:lnTo>
                  <a:lnTo>
                    <a:pt x="498517" y="1532250"/>
                  </a:lnTo>
                  <a:lnTo>
                    <a:pt x="480053" y="1516683"/>
                  </a:lnTo>
                  <a:lnTo>
                    <a:pt x="464505" y="1498197"/>
                  </a:lnTo>
                  <a:lnTo>
                    <a:pt x="443126" y="1486522"/>
                  </a:lnTo>
                  <a:lnTo>
                    <a:pt x="449929" y="1466090"/>
                  </a:lnTo>
                  <a:lnTo>
                    <a:pt x="475195" y="1442739"/>
                  </a:lnTo>
                  <a:lnTo>
                    <a:pt x="482969" y="1433983"/>
                  </a:lnTo>
                  <a:lnTo>
                    <a:pt x="473251" y="1419389"/>
                  </a:lnTo>
                  <a:lnTo>
                    <a:pt x="446042" y="1405768"/>
                  </a:lnTo>
                  <a:lnTo>
                    <a:pt x="399397" y="1392146"/>
                  </a:lnTo>
                  <a:lnTo>
                    <a:pt x="381905" y="1361985"/>
                  </a:lnTo>
                  <a:lnTo>
                    <a:pt x="358582" y="1336689"/>
                  </a:lnTo>
                  <a:lnTo>
                    <a:pt x="353724" y="1314311"/>
                  </a:lnTo>
                  <a:lnTo>
                    <a:pt x="346921" y="1286096"/>
                  </a:lnTo>
                  <a:lnTo>
                    <a:pt x="340119" y="1243287"/>
                  </a:lnTo>
                  <a:lnTo>
                    <a:pt x="331373" y="1235503"/>
                  </a:lnTo>
                  <a:lnTo>
                    <a:pt x="301248" y="1196586"/>
                  </a:lnTo>
                  <a:lnTo>
                    <a:pt x="294446" y="1181018"/>
                  </a:lnTo>
                  <a:lnTo>
                    <a:pt x="301248" y="1162533"/>
                  </a:lnTo>
                  <a:lnTo>
                    <a:pt x="309994" y="1157668"/>
                  </a:lnTo>
                  <a:lnTo>
                    <a:pt x="326514" y="1142101"/>
                  </a:lnTo>
                  <a:lnTo>
                    <a:pt x="360526" y="1142101"/>
                  </a:lnTo>
                  <a:lnTo>
                    <a:pt x="367328" y="1135290"/>
                  </a:lnTo>
                  <a:lnTo>
                    <a:pt x="370244" y="1109994"/>
                  </a:lnTo>
                  <a:lnTo>
                    <a:pt x="377046" y="1098319"/>
                  </a:lnTo>
                  <a:lnTo>
                    <a:pt x="392594" y="1100264"/>
                  </a:lnTo>
                  <a:lnTo>
                    <a:pt x="422719" y="1118750"/>
                  </a:lnTo>
                  <a:lnTo>
                    <a:pt x="446042" y="1123615"/>
                  </a:lnTo>
                  <a:lnTo>
                    <a:pt x="466449" y="1118750"/>
                  </a:lnTo>
                  <a:lnTo>
                    <a:pt x="503376" y="1100264"/>
                  </a:lnTo>
                  <a:lnTo>
                    <a:pt x="515037" y="1105129"/>
                  </a:lnTo>
                  <a:lnTo>
                    <a:pt x="544190" y="1135290"/>
                  </a:lnTo>
                  <a:lnTo>
                    <a:pt x="547105" y="1132371"/>
                  </a:lnTo>
                  <a:lnTo>
                    <a:pt x="544190" y="1100264"/>
                  </a:lnTo>
                  <a:lnTo>
                    <a:pt x="537388" y="1070103"/>
                  </a:lnTo>
                  <a:lnTo>
                    <a:pt x="518924" y="1049672"/>
                  </a:lnTo>
                  <a:lnTo>
                    <a:pt x="475195" y="1034105"/>
                  </a:lnTo>
                  <a:lnTo>
                    <a:pt x="454787" y="1024375"/>
                  </a:lnTo>
                  <a:lnTo>
                    <a:pt x="399397" y="960161"/>
                  </a:lnTo>
                  <a:lnTo>
                    <a:pt x="321655" y="904704"/>
                  </a:lnTo>
                  <a:lnTo>
                    <a:pt x="220591" y="943621"/>
                  </a:lnTo>
                  <a:lnTo>
                    <a:pt x="124386" y="1042861"/>
                  </a:lnTo>
                  <a:lnTo>
                    <a:pt x="105923" y="1088589"/>
                  </a:lnTo>
                  <a:lnTo>
                    <a:pt x="55391" y="1120696"/>
                  </a:lnTo>
                  <a:lnTo>
                    <a:pt x="14577" y="1088589"/>
                  </a:lnTo>
                  <a:lnTo>
                    <a:pt x="0" y="1037996"/>
                  </a:lnTo>
                  <a:lnTo>
                    <a:pt x="23323" y="1066212"/>
                  </a:lnTo>
                  <a:lnTo>
                    <a:pt x="62193" y="1051617"/>
                  </a:lnTo>
                  <a:lnTo>
                    <a:pt x="87459" y="1019510"/>
                  </a:lnTo>
                  <a:lnTo>
                    <a:pt x="105923" y="934865"/>
                  </a:lnTo>
                  <a:lnTo>
                    <a:pt x="90375" y="884272"/>
                  </a:lnTo>
                  <a:lnTo>
                    <a:pt x="133132" y="845354"/>
                  </a:lnTo>
                  <a:lnTo>
                    <a:pt x="156455" y="857029"/>
                  </a:lnTo>
                  <a:lnTo>
                    <a:pt x="193382" y="875515"/>
                  </a:lnTo>
                  <a:lnTo>
                    <a:pt x="239055" y="840490"/>
                  </a:lnTo>
                  <a:lnTo>
                    <a:pt x="316796" y="769465"/>
                  </a:lnTo>
                  <a:lnTo>
                    <a:pt x="378990" y="622551"/>
                  </a:lnTo>
                  <a:lnTo>
                    <a:pt x="434380" y="585579"/>
                  </a:lnTo>
                  <a:lnTo>
                    <a:pt x="471308" y="518446"/>
                  </a:lnTo>
                  <a:lnTo>
                    <a:pt x="472914" y="518115"/>
                  </a:lnTo>
                  <a:cubicBezTo>
                    <a:pt x="471682" y="515884"/>
                    <a:pt x="465682" y="505026"/>
                    <a:pt x="436474" y="452165"/>
                  </a:cubicBezTo>
                  <a:cubicBezTo>
                    <a:pt x="436457" y="452158"/>
                    <a:pt x="435577" y="451851"/>
                    <a:pt x="390525" y="436107"/>
                  </a:cubicBezTo>
                  <a:cubicBezTo>
                    <a:pt x="390531" y="436094"/>
                    <a:pt x="390981" y="435228"/>
                    <a:pt x="422689" y="374169"/>
                  </a:cubicBezTo>
                  <a:cubicBezTo>
                    <a:pt x="422707" y="374168"/>
                    <a:pt x="423889" y="374102"/>
                    <a:pt x="505397" y="369581"/>
                  </a:cubicBezTo>
                  <a:cubicBezTo>
                    <a:pt x="505404" y="369565"/>
                    <a:pt x="505839" y="368494"/>
                    <a:pt x="535264" y="296173"/>
                  </a:cubicBezTo>
                  <a:cubicBezTo>
                    <a:pt x="535282" y="296180"/>
                    <a:pt x="536176" y="296538"/>
                    <a:pt x="581213" y="314525"/>
                  </a:cubicBezTo>
                  <a:cubicBezTo>
                    <a:pt x="581226" y="314564"/>
                    <a:pt x="583543" y="321427"/>
                    <a:pt x="594997" y="328289"/>
                  </a:cubicBezTo>
                  <a:cubicBezTo>
                    <a:pt x="608777" y="335168"/>
                    <a:pt x="634035" y="339755"/>
                    <a:pt x="634054" y="339759"/>
                  </a:cubicBezTo>
                  <a:cubicBezTo>
                    <a:pt x="634074" y="339753"/>
                    <a:pt x="635467" y="339356"/>
                    <a:pt x="730546" y="312231"/>
                  </a:cubicBezTo>
                  <a:cubicBezTo>
                    <a:pt x="730558" y="312236"/>
                    <a:pt x="731297" y="312552"/>
                    <a:pt x="778792" y="332877"/>
                  </a:cubicBezTo>
                  <a:cubicBezTo>
                    <a:pt x="778806" y="332873"/>
                    <a:pt x="779771" y="332584"/>
                    <a:pt x="847715" y="312231"/>
                  </a:cubicBezTo>
                  <a:cubicBezTo>
                    <a:pt x="847730" y="312233"/>
                    <a:pt x="848698" y="312434"/>
                    <a:pt x="914341" y="325995"/>
                  </a:cubicBezTo>
                  <a:cubicBezTo>
                    <a:pt x="914353" y="325988"/>
                    <a:pt x="915117" y="325537"/>
                    <a:pt x="964885" y="296173"/>
                  </a:cubicBezTo>
                  <a:cubicBezTo>
                    <a:pt x="964900" y="296176"/>
                    <a:pt x="965888" y="296407"/>
                    <a:pt x="1033808" y="312231"/>
                  </a:cubicBezTo>
                  <a:cubicBezTo>
                    <a:pt x="1033814" y="312219"/>
                    <a:pt x="1034204" y="311441"/>
                    <a:pt x="1061377" y="257175"/>
                  </a:cubicBezTo>
                  <a:cubicBezTo>
                    <a:pt x="1061397" y="257189"/>
                    <a:pt x="1062682" y="258101"/>
                    <a:pt x="1148680" y="319113"/>
                  </a:cubicBezTo>
                  <a:cubicBezTo>
                    <a:pt x="1148697" y="319109"/>
                    <a:pt x="1149517" y="318881"/>
                    <a:pt x="1190034" y="307643"/>
                  </a:cubicBezTo>
                  <a:cubicBezTo>
                    <a:pt x="1190045" y="307626"/>
                    <a:pt x="1190579" y="306781"/>
                    <a:pt x="1217603" y="264057"/>
                  </a:cubicBezTo>
                  <a:cubicBezTo>
                    <a:pt x="1217620" y="264054"/>
                    <a:pt x="1218397" y="263908"/>
                    <a:pt x="1254185" y="257208"/>
                  </a:cubicBezTo>
                  <a:lnTo>
                    <a:pt x="1253187" y="256678"/>
                  </a:lnTo>
                  <a:lnTo>
                    <a:pt x="1271656" y="180841"/>
                  </a:lnTo>
                  <a:lnTo>
                    <a:pt x="1236663" y="98199"/>
                  </a:lnTo>
                  <a:lnTo>
                    <a:pt x="1303732" y="57363"/>
                  </a:lnTo>
                  <a:lnTo>
                    <a:pt x="1344557" y="64169"/>
                  </a:lnTo>
                  <a:lnTo>
                    <a:pt x="1374689" y="116672"/>
                  </a:lnTo>
                  <a:lnTo>
                    <a:pt x="1393158" y="116672"/>
                  </a:lnTo>
                  <a:lnTo>
                    <a:pt x="1448562" y="64169"/>
                  </a:lnTo>
                  <a:lnTo>
                    <a:pt x="1480639" y="72920"/>
                  </a:lnTo>
                  <a:lnTo>
                    <a:pt x="1521464" y="54447"/>
                  </a:lnTo>
                  <a:lnTo>
                    <a:pt x="1620609" y="66114"/>
                  </a:lnTo>
                  <a:lnTo>
                    <a:pt x="1676014" y="98199"/>
                  </a:lnTo>
                  <a:lnTo>
                    <a:pt x="1710035" y="82642"/>
                  </a:lnTo>
                  <a:lnTo>
                    <a:pt x="1824733" y="89448"/>
                  </a:lnTo>
                  <a:lnTo>
                    <a:pt x="1841257" y="25279"/>
                  </a:lnTo>
                  <a:close/>
                </a:path>
              </a:pathLst>
            </a:custGeom>
            <a:solidFill>
              <a:srgbClr val="FFCF21"/>
            </a:solidFill>
            <a:ln w="6350" algn="ctr">
              <a:solidFill>
                <a:schemeClr val="bg1">
                  <a:lumMod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 dirty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43" name="Freeform 42"/>
            <p:cNvSpPr/>
            <p:nvPr/>
          </p:nvSpPr>
          <p:spPr>
            <a:xfrm>
              <a:off x="3122648" y="3814530"/>
              <a:ext cx="1750739" cy="1730990"/>
            </a:xfrm>
            <a:custGeom>
              <a:avLst/>
              <a:gdLst/>
              <a:ahLst/>
              <a:cxnLst/>
              <a:rect l="l" t="t" r="r" b="b"/>
              <a:pathLst>
                <a:path w="2814638" h="2782888">
                  <a:moveTo>
                    <a:pt x="916823" y="0"/>
                  </a:moveTo>
                  <a:lnTo>
                    <a:pt x="937228" y="27257"/>
                  </a:lnTo>
                  <a:lnTo>
                    <a:pt x="950831" y="84690"/>
                  </a:lnTo>
                  <a:lnTo>
                    <a:pt x="1001357" y="73982"/>
                  </a:lnTo>
                  <a:lnTo>
                    <a:pt x="1003301" y="8761"/>
                  </a:lnTo>
                  <a:lnTo>
                    <a:pt x="1047025" y="8761"/>
                  </a:lnTo>
                  <a:lnTo>
                    <a:pt x="1079090" y="27257"/>
                  </a:lnTo>
                  <a:lnTo>
                    <a:pt x="1107268" y="1947"/>
                  </a:lnTo>
                  <a:lnTo>
                    <a:pt x="1111155" y="50619"/>
                  </a:lnTo>
                  <a:lnTo>
                    <a:pt x="1111155" y="91129"/>
                  </a:lnTo>
                  <a:lnTo>
                    <a:pt x="1112407" y="91339"/>
                  </a:lnTo>
                  <a:lnTo>
                    <a:pt x="1149315" y="107893"/>
                  </a:lnTo>
                  <a:lnTo>
                    <a:pt x="1122120" y="236430"/>
                  </a:lnTo>
                  <a:lnTo>
                    <a:pt x="1179423" y="243246"/>
                  </a:lnTo>
                  <a:lnTo>
                    <a:pt x="1194963" y="84522"/>
                  </a:lnTo>
                  <a:lnTo>
                    <a:pt x="1330938" y="107893"/>
                  </a:lnTo>
                  <a:lnTo>
                    <a:pt x="1388241" y="52388"/>
                  </a:lnTo>
                  <a:lnTo>
                    <a:pt x="1457200" y="91339"/>
                  </a:lnTo>
                  <a:lnTo>
                    <a:pt x="1532957" y="80627"/>
                  </a:lnTo>
                  <a:lnTo>
                    <a:pt x="1571807" y="94260"/>
                  </a:lnTo>
                  <a:lnTo>
                    <a:pt x="1562094" y="140027"/>
                  </a:lnTo>
                  <a:lnTo>
                    <a:pt x="1560152" y="165345"/>
                  </a:lnTo>
                  <a:lnTo>
                    <a:pt x="1562094" y="192610"/>
                  </a:lnTo>
                  <a:lnTo>
                    <a:pt x="1569864" y="207217"/>
                  </a:lnTo>
                  <a:lnTo>
                    <a:pt x="1583462" y="246167"/>
                  </a:lnTo>
                  <a:lnTo>
                    <a:pt x="1583462" y="257853"/>
                  </a:lnTo>
                  <a:lnTo>
                    <a:pt x="1578605" y="275380"/>
                  </a:lnTo>
                  <a:lnTo>
                    <a:pt x="1571807" y="296803"/>
                  </a:lnTo>
                  <a:lnTo>
                    <a:pt x="1571807" y="308488"/>
                  </a:lnTo>
                  <a:lnTo>
                    <a:pt x="1576663" y="319200"/>
                  </a:lnTo>
                  <a:lnTo>
                    <a:pt x="1597059" y="342570"/>
                  </a:lnTo>
                  <a:lnTo>
                    <a:pt x="1603858" y="356203"/>
                  </a:lnTo>
                  <a:lnTo>
                    <a:pt x="1601915" y="372757"/>
                  </a:lnTo>
                  <a:lnTo>
                    <a:pt x="1592203" y="388337"/>
                  </a:lnTo>
                  <a:lnTo>
                    <a:pt x="1583462" y="406839"/>
                  </a:lnTo>
                  <a:lnTo>
                    <a:pt x="1580548" y="420471"/>
                  </a:lnTo>
                  <a:lnTo>
                    <a:pt x="1587347" y="438973"/>
                  </a:lnTo>
                  <a:lnTo>
                    <a:pt x="1605800" y="467212"/>
                  </a:lnTo>
                  <a:lnTo>
                    <a:pt x="1610657" y="477924"/>
                  </a:lnTo>
                  <a:lnTo>
                    <a:pt x="1608714" y="492530"/>
                  </a:lnTo>
                  <a:lnTo>
                    <a:pt x="1603858" y="510058"/>
                  </a:lnTo>
                  <a:lnTo>
                    <a:pt x="1603858" y="521743"/>
                  </a:lnTo>
                  <a:lnTo>
                    <a:pt x="1615513" y="545113"/>
                  </a:lnTo>
                  <a:lnTo>
                    <a:pt x="1627168" y="595749"/>
                  </a:lnTo>
                  <a:lnTo>
                    <a:pt x="1624254" y="607435"/>
                  </a:lnTo>
                  <a:lnTo>
                    <a:pt x="1617455" y="611330"/>
                  </a:lnTo>
                  <a:lnTo>
                    <a:pt x="1608714" y="609382"/>
                  </a:lnTo>
                  <a:lnTo>
                    <a:pt x="1594145" y="607435"/>
                  </a:lnTo>
                  <a:lnTo>
                    <a:pt x="1583462" y="607435"/>
                  </a:lnTo>
                  <a:lnTo>
                    <a:pt x="1573749" y="616198"/>
                  </a:lnTo>
                  <a:lnTo>
                    <a:pt x="1568783" y="620220"/>
                  </a:lnTo>
                  <a:lnTo>
                    <a:pt x="1587469" y="673056"/>
                  </a:lnTo>
                  <a:lnTo>
                    <a:pt x="1610657" y="683388"/>
                  </a:lnTo>
                  <a:lnTo>
                    <a:pt x="1631053" y="708706"/>
                  </a:lnTo>
                  <a:lnTo>
                    <a:pt x="1631053" y="719418"/>
                  </a:lnTo>
                  <a:lnTo>
                    <a:pt x="1629110" y="756421"/>
                  </a:lnTo>
                  <a:lnTo>
                    <a:pt x="1629110" y="776870"/>
                  </a:lnTo>
                  <a:lnTo>
                    <a:pt x="1633966" y="793424"/>
                  </a:lnTo>
                  <a:lnTo>
                    <a:pt x="1644650" y="802188"/>
                  </a:lnTo>
                  <a:lnTo>
                    <a:pt x="1638963" y="818661"/>
                  </a:lnTo>
                  <a:lnTo>
                    <a:pt x="1639278" y="819552"/>
                  </a:lnTo>
                  <a:lnTo>
                    <a:pt x="1645169" y="802569"/>
                  </a:lnTo>
                  <a:lnTo>
                    <a:pt x="1659751" y="791898"/>
                  </a:lnTo>
                  <a:lnTo>
                    <a:pt x="1685026" y="788988"/>
                  </a:lnTo>
                  <a:lnTo>
                    <a:pt x="1693775" y="795778"/>
                  </a:lnTo>
                  <a:lnTo>
                    <a:pt x="1714190" y="825850"/>
                  </a:lnTo>
                  <a:lnTo>
                    <a:pt x="1732661" y="892784"/>
                  </a:lnTo>
                  <a:lnTo>
                    <a:pt x="1755992" y="947107"/>
                  </a:lnTo>
                  <a:lnTo>
                    <a:pt x="1771546" y="965538"/>
                  </a:lnTo>
                  <a:lnTo>
                    <a:pt x="1792932" y="982029"/>
                  </a:lnTo>
                  <a:lnTo>
                    <a:pt x="1828901" y="1002400"/>
                  </a:lnTo>
                  <a:lnTo>
                    <a:pt x="1859037" y="1011130"/>
                  </a:lnTo>
                  <a:lnTo>
                    <a:pt x="1872647" y="1018891"/>
                  </a:lnTo>
                  <a:lnTo>
                    <a:pt x="1879452" y="1034412"/>
                  </a:lnTo>
                  <a:lnTo>
                    <a:pt x="1891117" y="1047992"/>
                  </a:lnTo>
                  <a:lnTo>
                    <a:pt x="1921253" y="1066423"/>
                  </a:lnTo>
                  <a:lnTo>
                    <a:pt x="1941668" y="1073214"/>
                  </a:lnTo>
                  <a:lnTo>
                    <a:pt x="1980553" y="1082914"/>
                  </a:lnTo>
                  <a:lnTo>
                    <a:pt x="2029159" y="1086794"/>
                  </a:lnTo>
                  <a:lnTo>
                    <a:pt x="2059295" y="1086794"/>
                  </a:lnTo>
                  <a:lnTo>
                    <a:pt x="2079710" y="1084854"/>
                  </a:lnTo>
                  <a:lnTo>
                    <a:pt x="2098180" y="1080004"/>
                  </a:lnTo>
                  <a:lnTo>
                    <a:pt x="2118595" y="1066423"/>
                  </a:lnTo>
                  <a:lnTo>
                    <a:pt x="2128316" y="1047992"/>
                  </a:lnTo>
                  <a:lnTo>
                    <a:pt x="2125400" y="1036352"/>
                  </a:lnTo>
                  <a:lnTo>
                    <a:pt x="2113734" y="1027621"/>
                  </a:lnTo>
                  <a:lnTo>
                    <a:pt x="2104985" y="1020831"/>
                  </a:lnTo>
                  <a:lnTo>
                    <a:pt x="2095264" y="1007250"/>
                  </a:lnTo>
                  <a:lnTo>
                    <a:pt x="2095264" y="1000460"/>
                  </a:lnTo>
                  <a:lnTo>
                    <a:pt x="2098180" y="997549"/>
                  </a:lnTo>
                  <a:lnTo>
                    <a:pt x="2116651" y="993669"/>
                  </a:lnTo>
                  <a:lnTo>
                    <a:pt x="2128316" y="985909"/>
                  </a:lnTo>
                  <a:lnTo>
                    <a:pt x="2130261" y="982029"/>
                  </a:lnTo>
                  <a:lnTo>
                    <a:pt x="2132205" y="972328"/>
                  </a:lnTo>
                  <a:lnTo>
                    <a:pt x="2139010" y="963598"/>
                  </a:lnTo>
                  <a:lnTo>
                    <a:pt x="2148731" y="963598"/>
                  </a:lnTo>
                  <a:lnTo>
                    <a:pt x="2185672" y="1004340"/>
                  </a:lnTo>
                  <a:lnTo>
                    <a:pt x="2199282" y="1018891"/>
                  </a:lnTo>
                  <a:lnTo>
                    <a:pt x="2214836" y="1022771"/>
                  </a:lnTo>
                  <a:lnTo>
                    <a:pt x="2228445" y="1022771"/>
                  </a:lnTo>
                  <a:lnTo>
                    <a:pt x="2238167" y="1020831"/>
                  </a:lnTo>
                  <a:lnTo>
                    <a:pt x="2240111" y="1014040"/>
                  </a:lnTo>
                  <a:lnTo>
                    <a:pt x="2240111" y="983969"/>
                  </a:lnTo>
                  <a:lnTo>
                    <a:pt x="2244972" y="970388"/>
                  </a:lnTo>
                  <a:lnTo>
                    <a:pt x="2256637" y="963598"/>
                  </a:lnTo>
                  <a:lnTo>
                    <a:pt x="2297466" y="958747"/>
                  </a:lnTo>
                  <a:lnTo>
                    <a:pt x="2318853" y="951957"/>
                  </a:lnTo>
                  <a:lnTo>
                    <a:pt x="2327602" y="945167"/>
                  </a:lnTo>
                  <a:lnTo>
                    <a:pt x="2337324" y="935466"/>
                  </a:lnTo>
                  <a:lnTo>
                    <a:pt x="2346073" y="935466"/>
                  </a:lnTo>
                  <a:lnTo>
                    <a:pt x="2361627" y="933526"/>
                  </a:lnTo>
                  <a:lnTo>
                    <a:pt x="2391763" y="915095"/>
                  </a:lnTo>
                  <a:lnTo>
                    <a:pt x="2458840" y="864652"/>
                  </a:lnTo>
                  <a:lnTo>
                    <a:pt x="2467589" y="860772"/>
                  </a:lnTo>
                  <a:lnTo>
                    <a:pt x="2484115" y="862712"/>
                  </a:lnTo>
                  <a:lnTo>
                    <a:pt x="2524944" y="849131"/>
                  </a:lnTo>
                  <a:lnTo>
                    <a:pt x="2550219" y="844281"/>
                  </a:lnTo>
                  <a:lnTo>
                    <a:pt x="2592021" y="844281"/>
                  </a:lnTo>
                  <a:lnTo>
                    <a:pt x="2628962" y="855922"/>
                  </a:lnTo>
                  <a:lnTo>
                    <a:pt x="2678540" y="881143"/>
                  </a:lnTo>
                  <a:lnTo>
                    <a:pt x="2757283" y="933526"/>
                  </a:lnTo>
                  <a:lnTo>
                    <a:pt x="2784502" y="965538"/>
                  </a:lnTo>
                  <a:lnTo>
                    <a:pt x="2791307" y="990759"/>
                  </a:lnTo>
                  <a:lnTo>
                    <a:pt x="2791307" y="1032471"/>
                  </a:lnTo>
                  <a:lnTo>
                    <a:pt x="2784502" y="1064483"/>
                  </a:lnTo>
                  <a:lnTo>
                    <a:pt x="2782558" y="1071274"/>
                  </a:lnTo>
                  <a:lnTo>
                    <a:pt x="2772837" y="1082914"/>
                  </a:lnTo>
                  <a:lnTo>
                    <a:pt x="2777697" y="1103285"/>
                  </a:lnTo>
                  <a:lnTo>
                    <a:pt x="2782558" y="1137237"/>
                  </a:lnTo>
                  <a:lnTo>
                    <a:pt x="2779641" y="1153728"/>
                  </a:lnTo>
                  <a:lnTo>
                    <a:pt x="2798112" y="1146938"/>
                  </a:lnTo>
                  <a:lnTo>
                    <a:pt x="2811722" y="1151788"/>
                  </a:lnTo>
                  <a:lnTo>
                    <a:pt x="2814638" y="1160519"/>
                  </a:lnTo>
                  <a:lnTo>
                    <a:pt x="2809777" y="1180890"/>
                  </a:lnTo>
                  <a:lnTo>
                    <a:pt x="2804917" y="1201261"/>
                  </a:lnTo>
                  <a:lnTo>
                    <a:pt x="2809777" y="1222602"/>
                  </a:lnTo>
                  <a:lnTo>
                    <a:pt x="2807833" y="1276925"/>
                  </a:lnTo>
                  <a:lnTo>
                    <a:pt x="2791307" y="1350649"/>
                  </a:lnTo>
                  <a:lnTo>
                    <a:pt x="2770892" y="1394302"/>
                  </a:lnTo>
                  <a:lnTo>
                    <a:pt x="2772837" y="1421463"/>
                  </a:lnTo>
                  <a:lnTo>
                    <a:pt x="2766032" y="1437954"/>
                  </a:lnTo>
                  <a:lnTo>
                    <a:pt x="2747561" y="1431164"/>
                  </a:lnTo>
                  <a:lnTo>
                    <a:pt x="2729091" y="1417583"/>
                  </a:lnTo>
                  <a:lnTo>
                    <a:pt x="2703815" y="1405942"/>
                  </a:lnTo>
                  <a:lnTo>
                    <a:pt x="2695066" y="1407882"/>
                  </a:lnTo>
                  <a:lnTo>
                    <a:pt x="2703815" y="1419523"/>
                  </a:lnTo>
                  <a:lnTo>
                    <a:pt x="2725202" y="1424373"/>
                  </a:lnTo>
                  <a:lnTo>
                    <a:pt x="2732007" y="1446685"/>
                  </a:lnTo>
                  <a:lnTo>
                    <a:pt x="2740756" y="1485487"/>
                  </a:lnTo>
                  <a:lnTo>
                    <a:pt x="2732007" y="1503918"/>
                  </a:lnTo>
                  <a:lnTo>
                    <a:pt x="2701871" y="1529139"/>
                  </a:lnTo>
                  <a:lnTo>
                    <a:pt x="2661042" y="1538840"/>
                  </a:lnTo>
                  <a:lnTo>
                    <a:pt x="2563829" y="1550480"/>
                  </a:lnTo>
                  <a:lnTo>
                    <a:pt x="2543415" y="1545630"/>
                  </a:lnTo>
                  <a:lnTo>
                    <a:pt x="2545359" y="1535930"/>
                  </a:lnTo>
                  <a:lnTo>
                    <a:pt x="2531749" y="1535930"/>
                  </a:lnTo>
                  <a:lnTo>
                    <a:pt x="2497725" y="1545630"/>
                  </a:lnTo>
                  <a:lnTo>
                    <a:pt x="2523000" y="1554361"/>
                  </a:lnTo>
                  <a:lnTo>
                    <a:pt x="2548275" y="1552421"/>
                  </a:lnTo>
                  <a:lnTo>
                    <a:pt x="2566745" y="1557271"/>
                  </a:lnTo>
                  <a:lnTo>
                    <a:pt x="2566745" y="1564061"/>
                  </a:lnTo>
                  <a:lnTo>
                    <a:pt x="2550219" y="1557271"/>
                  </a:lnTo>
                  <a:lnTo>
                    <a:pt x="2531749" y="1561151"/>
                  </a:lnTo>
                  <a:lnTo>
                    <a:pt x="2494808" y="1557271"/>
                  </a:lnTo>
                  <a:lnTo>
                    <a:pt x="2449118" y="1559211"/>
                  </a:lnTo>
                  <a:lnTo>
                    <a:pt x="2389819" y="1584432"/>
                  </a:lnTo>
                  <a:lnTo>
                    <a:pt x="2337324" y="1632935"/>
                  </a:lnTo>
                  <a:lnTo>
                    <a:pt x="2307188" y="1678528"/>
                  </a:lnTo>
                  <a:lnTo>
                    <a:pt x="2300383" y="1675618"/>
                  </a:lnTo>
                  <a:lnTo>
                    <a:pt x="2302327" y="1653307"/>
                  </a:lnTo>
                  <a:lnTo>
                    <a:pt x="2288717" y="1636816"/>
                  </a:lnTo>
                  <a:lnTo>
                    <a:pt x="2277052" y="1616445"/>
                  </a:lnTo>
                  <a:lnTo>
                    <a:pt x="2283857" y="1593163"/>
                  </a:lnTo>
                  <a:lnTo>
                    <a:pt x="2302327" y="1586372"/>
                  </a:lnTo>
                  <a:lnTo>
                    <a:pt x="2334407" y="1566001"/>
                  </a:lnTo>
                  <a:lnTo>
                    <a:pt x="2396623" y="1533990"/>
                  </a:lnTo>
                  <a:lnTo>
                    <a:pt x="2410233" y="1508768"/>
                  </a:lnTo>
                  <a:lnTo>
                    <a:pt x="2401484" y="1488397"/>
                  </a:lnTo>
                  <a:lnTo>
                    <a:pt x="2380097" y="1468026"/>
                  </a:lnTo>
                  <a:lnTo>
                    <a:pt x="2361627" y="1468026"/>
                  </a:lnTo>
                  <a:lnTo>
                    <a:pt x="2357738" y="1485487"/>
                  </a:lnTo>
                  <a:lnTo>
                    <a:pt x="2371348" y="1503918"/>
                  </a:lnTo>
                  <a:lnTo>
                    <a:pt x="2366488" y="1515558"/>
                  </a:lnTo>
                  <a:lnTo>
                    <a:pt x="2348017" y="1522349"/>
                  </a:lnTo>
                  <a:lnTo>
                    <a:pt x="2346073" y="1529139"/>
                  </a:lnTo>
                  <a:lnTo>
                    <a:pt x="2334407" y="1522349"/>
                  </a:lnTo>
                  <a:lnTo>
                    <a:pt x="2327602" y="1497127"/>
                  </a:lnTo>
                  <a:lnTo>
                    <a:pt x="2320798" y="1449595"/>
                  </a:lnTo>
                  <a:lnTo>
                    <a:pt x="2309132" y="1412733"/>
                  </a:lnTo>
                  <a:lnTo>
                    <a:pt x="2313993" y="1392362"/>
                  </a:lnTo>
                  <a:lnTo>
                    <a:pt x="2334407" y="1375871"/>
                  </a:lnTo>
                  <a:lnTo>
                    <a:pt x="2350933" y="1380721"/>
                  </a:lnTo>
                  <a:lnTo>
                    <a:pt x="2361627" y="1371020"/>
                  </a:lnTo>
                  <a:lnTo>
                    <a:pt x="2359683" y="1359380"/>
                  </a:lnTo>
                  <a:lnTo>
                    <a:pt x="2371348" y="1350649"/>
                  </a:lnTo>
                  <a:lnTo>
                    <a:pt x="2364543" y="1339009"/>
                  </a:lnTo>
                  <a:lnTo>
                    <a:pt x="2354822" y="1337068"/>
                  </a:lnTo>
                  <a:lnTo>
                    <a:pt x="2341212" y="1327368"/>
                  </a:lnTo>
                  <a:lnTo>
                    <a:pt x="2320798" y="1323488"/>
                  </a:lnTo>
                  <a:lnTo>
                    <a:pt x="2307188" y="1334158"/>
                  </a:lnTo>
                  <a:lnTo>
                    <a:pt x="2288717" y="1330278"/>
                  </a:lnTo>
                  <a:lnTo>
                    <a:pt x="2293578" y="1320578"/>
                  </a:lnTo>
                  <a:lnTo>
                    <a:pt x="2283857" y="1306997"/>
                  </a:lnTo>
                  <a:lnTo>
                    <a:pt x="2272191" y="1306997"/>
                  </a:lnTo>
                  <a:lnTo>
                    <a:pt x="2272191" y="1320578"/>
                  </a:lnTo>
                  <a:lnTo>
                    <a:pt x="2265386" y="1339009"/>
                  </a:lnTo>
                  <a:lnTo>
                    <a:pt x="2256637" y="1339009"/>
                  </a:lnTo>
                  <a:lnTo>
                    <a:pt x="2253721" y="1327368"/>
                  </a:lnTo>
                  <a:lnTo>
                    <a:pt x="2240111" y="1309907"/>
                  </a:lnTo>
                  <a:lnTo>
                    <a:pt x="2233306" y="1309907"/>
                  </a:lnTo>
                  <a:lnTo>
                    <a:pt x="2240111" y="1334158"/>
                  </a:lnTo>
                  <a:lnTo>
                    <a:pt x="2231362" y="1355500"/>
                  </a:lnTo>
                  <a:lnTo>
                    <a:pt x="2212891" y="1362290"/>
                  </a:lnTo>
                  <a:lnTo>
                    <a:pt x="2192477" y="1384601"/>
                  </a:lnTo>
                  <a:lnTo>
                    <a:pt x="2185672" y="1409823"/>
                  </a:lnTo>
                  <a:lnTo>
                    <a:pt x="2169146" y="1401092"/>
                  </a:lnTo>
                  <a:lnTo>
                    <a:pt x="2164285" y="1405942"/>
                  </a:lnTo>
                  <a:lnTo>
                    <a:pt x="2192477" y="1419523"/>
                  </a:lnTo>
                  <a:lnTo>
                    <a:pt x="2194421" y="1431164"/>
                  </a:lnTo>
                  <a:lnTo>
                    <a:pt x="2185672" y="1428254"/>
                  </a:lnTo>
                  <a:lnTo>
                    <a:pt x="2157480" y="1405942"/>
                  </a:lnTo>
                  <a:lnTo>
                    <a:pt x="2141926" y="1389451"/>
                  </a:lnTo>
                  <a:lnTo>
                    <a:pt x="2132205" y="1394302"/>
                  </a:lnTo>
                  <a:lnTo>
                    <a:pt x="2137065" y="1412733"/>
                  </a:lnTo>
                  <a:lnTo>
                    <a:pt x="2153592" y="1421463"/>
                  </a:lnTo>
                  <a:lnTo>
                    <a:pt x="2162341" y="1419523"/>
                  </a:lnTo>
                  <a:lnTo>
                    <a:pt x="2169146" y="1428254"/>
                  </a:lnTo>
                  <a:lnTo>
                    <a:pt x="2171090" y="1442804"/>
                  </a:lnTo>
                  <a:lnTo>
                    <a:pt x="2185672" y="1463176"/>
                  </a:lnTo>
                  <a:lnTo>
                    <a:pt x="2224557" y="1495187"/>
                  </a:lnTo>
                  <a:lnTo>
                    <a:pt x="2253721" y="1506828"/>
                  </a:lnTo>
                  <a:lnTo>
                    <a:pt x="2258581" y="1522349"/>
                  </a:lnTo>
                  <a:lnTo>
                    <a:pt x="2256637" y="1540780"/>
                  </a:lnTo>
                  <a:lnTo>
                    <a:pt x="2249832" y="1538840"/>
                  </a:lnTo>
                  <a:lnTo>
                    <a:pt x="2231362" y="1545630"/>
                  </a:lnTo>
                  <a:lnTo>
                    <a:pt x="2221641" y="1561151"/>
                  </a:lnTo>
                  <a:lnTo>
                    <a:pt x="2224557" y="1582492"/>
                  </a:lnTo>
                  <a:lnTo>
                    <a:pt x="2244972" y="1591223"/>
                  </a:lnTo>
                  <a:lnTo>
                    <a:pt x="2244972" y="1602864"/>
                  </a:lnTo>
                  <a:lnTo>
                    <a:pt x="2221641" y="1609654"/>
                  </a:lnTo>
                  <a:lnTo>
                    <a:pt x="2208031" y="1607714"/>
                  </a:lnTo>
                  <a:lnTo>
                    <a:pt x="2178867" y="1614504"/>
                  </a:lnTo>
                  <a:lnTo>
                    <a:pt x="2153592" y="1643606"/>
                  </a:lnTo>
                  <a:lnTo>
                    <a:pt x="2135121" y="1639726"/>
                  </a:lnTo>
                  <a:lnTo>
                    <a:pt x="2120539" y="1626145"/>
                  </a:lnTo>
                  <a:lnTo>
                    <a:pt x="2120539" y="1653307"/>
                  </a:lnTo>
                  <a:lnTo>
                    <a:pt x="2137065" y="1664947"/>
                  </a:lnTo>
                  <a:lnTo>
                    <a:pt x="2157480" y="1660097"/>
                  </a:lnTo>
                  <a:lnTo>
                    <a:pt x="2162341" y="1666887"/>
                  </a:lnTo>
                  <a:lnTo>
                    <a:pt x="2145815" y="1680468"/>
                  </a:lnTo>
                  <a:lnTo>
                    <a:pt x="2123456" y="1678528"/>
                  </a:lnTo>
                  <a:lnTo>
                    <a:pt x="2111790" y="1683378"/>
                  </a:lnTo>
                  <a:lnTo>
                    <a:pt x="2104985" y="1698899"/>
                  </a:lnTo>
                  <a:lnTo>
                    <a:pt x="2118595" y="1703749"/>
                  </a:lnTo>
                  <a:lnTo>
                    <a:pt x="2125400" y="1717330"/>
                  </a:lnTo>
                  <a:lnTo>
                    <a:pt x="2089392" y="1732601"/>
                  </a:lnTo>
                  <a:lnTo>
                    <a:pt x="2090258" y="1733257"/>
                  </a:lnTo>
                  <a:lnTo>
                    <a:pt x="2124428" y="1718719"/>
                  </a:lnTo>
                  <a:lnTo>
                    <a:pt x="2122484" y="1732337"/>
                  </a:lnTo>
                  <a:lnTo>
                    <a:pt x="2134145" y="1735255"/>
                  </a:lnTo>
                  <a:lnTo>
                    <a:pt x="2142890" y="1745955"/>
                  </a:lnTo>
                  <a:lnTo>
                    <a:pt x="2136088" y="1757628"/>
                  </a:lnTo>
                  <a:lnTo>
                    <a:pt x="2129286" y="1762491"/>
                  </a:lnTo>
                  <a:lnTo>
                    <a:pt x="2119569" y="1755682"/>
                  </a:lnTo>
                  <a:lnTo>
                    <a:pt x="2110824" y="1767355"/>
                  </a:lnTo>
                  <a:lnTo>
                    <a:pt x="2119569" y="1792646"/>
                  </a:lnTo>
                  <a:lnTo>
                    <a:pt x="2112768" y="1803346"/>
                  </a:lnTo>
                  <a:lnTo>
                    <a:pt x="2104022" y="1806264"/>
                  </a:lnTo>
                  <a:lnTo>
                    <a:pt x="2097221" y="1801401"/>
                  </a:lnTo>
                  <a:lnTo>
                    <a:pt x="2090419" y="1806264"/>
                  </a:lnTo>
                  <a:lnTo>
                    <a:pt x="2085560" y="1826692"/>
                  </a:lnTo>
                  <a:lnTo>
                    <a:pt x="2073900" y="1828637"/>
                  </a:lnTo>
                  <a:lnTo>
                    <a:pt x="2072761" y="1827750"/>
                  </a:lnTo>
                  <a:lnTo>
                    <a:pt x="2065155" y="1863879"/>
                  </a:lnTo>
                  <a:lnTo>
                    <a:pt x="2065155" y="1877274"/>
                  </a:lnTo>
                  <a:lnTo>
                    <a:pt x="2071957" y="1888947"/>
                  </a:lnTo>
                  <a:lnTo>
                    <a:pt x="2085560" y="1868519"/>
                  </a:lnTo>
                  <a:lnTo>
                    <a:pt x="2102079" y="1828637"/>
                  </a:lnTo>
                  <a:lnTo>
                    <a:pt x="2110824" y="1821828"/>
                  </a:lnTo>
                  <a:lnTo>
                    <a:pt x="2119569" y="1828637"/>
                  </a:lnTo>
                  <a:lnTo>
                    <a:pt x="2119569" y="1851983"/>
                  </a:lnTo>
                  <a:lnTo>
                    <a:pt x="2102079" y="1888947"/>
                  </a:lnTo>
                  <a:lnTo>
                    <a:pt x="2105966" y="1919101"/>
                  </a:lnTo>
                  <a:lnTo>
                    <a:pt x="2102079" y="1944393"/>
                  </a:lnTo>
                  <a:lnTo>
                    <a:pt x="2087504" y="1955093"/>
                  </a:lnTo>
                  <a:lnTo>
                    <a:pt x="2087504" y="1968711"/>
                  </a:lnTo>
                  <a:lnTo>
                    <a:pt x="2097221" y="1966765"/>
                  </a:lnTo>
                  <a:lnTo>
                    <a:pt x="2108881" y="1955093"/>
                  </a:lnTo>
                  <a:lnTo>
                    <a:pt x="2110824" y="1919101"/>
                  </a:lnTo>
                  <a:lnTo>
                    <a:pt x="2129286" y="1882138"/>
                  </a:lnTo>
                  <a:lnTo>
                    <a:pt x="2152607" y="1858792"/>
                  </a:lnTo>
                  <a:lnTo>
                    <a:pt x="2177871" y="1843228"/>
                  </a:lnTo>
                  <a:lnTo>
                    <a:pt x="2195361" y="1817937"/>
                  </a:lnTo>
                  <a:lnTo>
                    <a:pt x="2205078" y="1794592"/>
                  </a:lnTo>
                  <a:lnTo>
                    <a:pt x="2205078" y="1815019"/>
                  </a:lnTo>
                  <a:lnTo>
                    <a:pt x="2216738" y="1787783"/>
                  </a:lnTo>
                  <a:lnTo>
                    <a:pt x="2230342" y="1774164"/>
                  </a:lnTo>
                  <a:lnTo>
                    <a:pt x="2235200" y="1776110"/>
                  </a:lnTo>
                  <a:lnTo>
                    <a:pt x="2220625" y="1794592"/>
                  </a:lnTo>
                  <a:lnTo>
                    <a:pt x="2209936" y="1817937"/>
                  </a:lnTo>
                  <a:lnTo>
                    <a:pt x="2191474" y="1858792"/>
                  </a:lnTo>
                  <a:lnTo>
                    <a:pt x="2163295" y="1902565"/>
                  </a:lnTo>
                  <a:lnTo>
                    <a:pt x="2127343" y="1936611"/>
                  </a:lnTo>
                  <a:lnTo>
                    <a:pt x="2112768" y="1968711"/>
                  </a:lnTo>
                  <a:lnTo>
                    <a:pt x="2097221" y="1980384"/>
                  </a:lnTo>
                  <a:lnTo>
                    <a:pt x="2083617" y="1987193"/>
                  </a:lnTo>
                  <a:lnTo>
                    <a:pt x="2085560" y="2015402"/>
                  </a:lnTo>
                  <a:lnTo>
                    <a:pt x="2069042" y="2054311"/>
                  </a:lnTo>
                  <a:lnTo>
                    <a:pt x="2060296" y="2065984"/>
                  </a:lnTo>
                  <a:lnTo>
                    <a:pt x="2041834" y="2063066"/>
                  </a:lnTo>
                  <a:lnTo>
                    <a:pt x="2028231" y="2079602"/>
                  </a:lnTo>
                  <a:lnTo>
                    <a:pt x="2021429" y="2111703"/>
                  </a:lnTo>
                  <a:lnTo>
                    <a:pt x="2009769" y="2125321"/>
                  </a:lnTo>
                  <a:lnTo>
                    <a:pt x="1998108" y="2130184"/>
                  </a:lnTo>
                  <a:lnTo>
                    <a:pt x="1996165" y="2143803"/>
                  </a:lnTo>
                  <a:lnTo>
                    <a:pt x="1984505" y="2143803"/>
                  </a:lnTo>
                  <a:lnTo>
                    <a:pt x="1979646" y="2132130"/>
                  </a:lnTo>
                  <a:lnTo>
                    <a:pt x="1970901" y="2135048"/>
                  </a:lnTo>
                  <a:lnTo>
                    <a:pt x="1959241" y="2145748"/>
                  </a:lnTo>
                  <a:lnTo>
                    <a:pt x="1970901" y="2167148"/>
                  </a:lnTo>
                  <a:lnTo>
                    <a:pt x="1972844" y="2173957"/>
                  </a:lnTo>
                  <a:lnTo>
                    <a:pt x="1989363" y="2187576"/>
                  </a:lnTo>
                  <a:lnTo>
                    <a:pt x="1998108" y="2214812"/>
                  </a:lnTo>
                  <a:lnTo>
                    <a:pt x="2009769" y="2210921"/>
                  </a:lnTo>
                  <a:lnTo>
                    <a:pt x="2014627" y="2203139"/>
                  </a:lnTo>
                  <a:lnTo>
                    <a:pt x="2009769" y="2177848"/>
                  </a:lnTo>
                  <a:lnTo>
                    <a:pt x="2004910" y="2164230"/>
                  </a:lnTo>
                  <a:lnTo>
                    <a:pt x="2009769" y="2155476"/>
                  </a:lnTo>
                  <a:lnTo>
                    <a:pt x="2004910" y="2145748"/>
                  </a:lnTo>
                  <a:lnTo>
                    <a:pt x="2011712" y="2145748"/>
                  </a:lnTo>
                  <a:lnTo>
                    <a:pt x="2021429" y="2169094"/>
                  </a:lnTo>
                  <a:lnTo>
                    <a:pt x="2016570" y="2192439"/>
                  </a:lnTo>
                  <a:lnTo>
                    <a:pt x="2021429" y="2206058"/>
                  </a:lnTo>
                  <a:lnTo>
                    <a:pt x="2033089" y="2224540"/>
                  </a:lnTo>
                  <a:lnTo>
                    <a:pt x="2048636" y="2261503"/>
                  </a:lnTo>
                  <a:lnTo>
                    <a:pt x="2041834" y="2275122"/>
                  </a:lnTo>
                  <a:lnTo>
                    <a:pt x="2021429" y="2281931"/>
                  </a:lnTo>
                  <a:lnTo>
                    <a:pt x="2009769" y="2332513"/>
                  </a:lnTo>
                  <a:lnTo>
                    <a:pt x="2009769" y="2383095"/>
                  </a:lnTo>
                  <a:lnTo>
                    <a:pt x="2030174" y="2423950"/>
                  </a:lnTo>
                  <a:lnTo>
                    <a:pt x="2036976" y="2456050"/>
                  </a:lnTo>
                  <a:lnTo>
                    <a:pt x="2019485" y="2502741"/>
                  </a:lnTo>
                  <a:lnTo>
                    <a:pt x="2004910" y="2555269"/>
                  </a:lnTo>
                  <a:lnTo>
                    <a:pt x="1991307" y="2626278"/>
                  </a:lnTo>
                  <a:lnTo>
                    <a:pt x="1996165" y="2646706"/>
                  </a:lnTo>
                  <a:lnTo>
                    <a:pt x="1989363" y="2671997"/>
                  </a:lnTo>
                  <a:lnTo>
                    <a:pt x="1966043" y="2690479"/>
                  </a:lnTo>
                  <a:lnTo>
                    <a:pt x="1961184" y="2752733"/>
                  </a:lnTo>
                  <a:lnTo>
                    <a:pt x="1964099" y="2782888"/>
                  </a:lnTo>
                  <a:lnTo>
                    <a:pt x="1665791" y="2745924"/>
                  </a:lnTo>
                  <a:lnTo>
                    <a:pt x="1539472" y="2722579"/>
                  </a:lnTo>
                  <a:lnTo>
                    <a:pt x="1438416" y="2637951"/>
                  </a:lnTo>
                  <a:lnTo>
                    <a:pt x="1408294" y="2520250"/>
                  </a:lnTo>
                  <a:lnTo>
                    <a:pt x="1364568" y="2499823"/>
                  </a:lnTo>
                  <a:lnTo>
                    <a:pt x="1234362" y="2506632"/>
                  </a:lnTo>
                  <a:lnTo>
                    <a:pt x="1202296" y="2472586"/>
                  </a:lnTo>
                  <a:lnTo>
                    <a:pt x="1172174" y="2426868"/>
                  </a:lnTo>
                  <a:lnTo>
                    <a:pt x="1064316" y="2433677"/>
                  </a:lnTo>
                  <a:lnTo>
                    <a:pt x="961317" y="2426868"/>
                  </a:lnTo>
                  <a:lnTo>
                    <a:pt x="889412" y="2369477"/>
                  </a:lnTo>
                  <a:lnTo>
                    <a:pt x="852488" y="2325704"/>
                  </a:lnTo>
                  <a:lnTo>
                    <a:pt x="931195" y="2318895"/>
                  </a:lnTo>
                  <a:lnTo>
                    <a:pt x="1018647" y="2332513"/>
                  </a:lnTo>
                  <a:lnTo>
                    <a:pt x="1109986" y="2277067"/>
                  </a:lnTo>
                  <a:lnTo>
                    <a:pt x="1169259" y="2214812"/>
                  </a:lnTo>
                  <a:lnTo>
                    <a:pt x="1259626" y="2221621"/>
                  </a:lnTo>
                  <a:lnTo>
                    <a:pt x="1362624" y="2171039"/>
                  </a:lnTo>
                  <a:lnTo>
                    <a:pt x="1428699" y="2150612"/>
                  </a:lnTo>
                  <a:lnTo>
                    <a:pt x="1497689" y="2088357"/>
                  </a:lnTo>
                  <a:lnTo>
                    <a:pt x="1527811" y="2008593"/>
                  </a:lnTo>
                  <a:lnTo>
                    <a:pt x="1561820" y="1976493"/>
                  </a:lnTo>
                  <a:lnTo>
                    <a:pt x="1566679" y="1895756"/>
                  </a:lnTo>
                  <a:lnTo>
                    <a:pt x="1516151" y="1856847"/>
                  </a:lnTo>
                  <a:lnTo>
                    <a:pt x="1502547" y="1737200"/>
                  </a:lnTo>
                  <a:lnTo>
                    <a:pt x="1431614" y="1691482"/>
                  </a:lnTo>
                  <a:lnTo>
                    <a:pt x="1390393" y="1631983"/>
                  </a:lnTo>
                  <a:lnTo>
                    <a:pt x="1302891" y="1638784"/>
                  </a:lnTo>
                  <a:lnTo>
                    <a:pt x="1128676" y="1645592"/>
                  </a:lnTo>
                  <a:lnTo>
                    <a:pt x="971980" y="1625168"/>
                  </a:lnTo>
                  <a:lnTo>
                    <a:pt x="949595" y="1662126"/>
                  </a:lnTo>
                  <a:lnTo>
                    <a:pt x="910664" y="1692275"/>
                  </a:lnTo>
                  <a:lnTo>
                    <a:pt x="882439" y="1685467"/>
                  </a:lnTo>
                  <a:lnTo>
                    <a:pt x="845538" y="1625304"/>
                  </a:lnTo>
                  <a:lnTo>
                    <a:pt x="785101" y="1663700"/>
                  </a:lnTo>
                  <a:lnTo>
                    <a:pt x="743320" y="1661756"/>
                  </a:lnTo>
                  <a:lnTo>
                    <a:pt x="724858" y="1611198"/>
                  </a:lnTo>
                  <a:lnTo>
                    <a:pt x="738461" y="1590780"/>
                  </a:lnTo>
                  <a:lnTo>
                    <a:pt x="718057" y="1572307"/>
                  </a:lnTo>
                  <a:lnTo>
                    <a:pt x="687935" y="1597586"/>
                  </a:lnTo>
                  <a:lnTo>
                    <a:pt x="670445" y="1650088"/>
                  </a:lnTo>
                  <a:lnTo>
                    <a:pt x="532469" y="1602447"/>
                  </a:lnTo>
                  <a:lnTo>
                    <a:pt x="436275" y="1594669"/>
                  </a:lnTo>
                  <a:lnTo>
                    <a:pt x="401295" y="1562584"/>
                  </a:lnTo>
                  <a:lnTo>
                    <a:pt x="367287" y="1577168"/>
                  </a:lnTo>
                  <a:lnTo>
                    <a:pt x="348826" y="1555778"/>
                  </a:lnTo>
                  <a:lnTo>
                    <a:pt x="364372" y="1516888"/>
                  </a:lnTo>
                  <a:lnTo>
                    <a:pt x="360486" y="1503276"/>
                  </a:lnTo>
                  <a:lnTo>
                    <a:pt x="335222" y="1493553"/>
                  </a:lnTo>
                  <a:lnTo>
                    <a:pt x="318704" y="1432300"/>
                  </a:lnTo>
                  <a:lnTo>
                    <a:pt x="342024" y="1422578"/>
                  </a:lnTo>
                  <a:lnTo>
                    <a:pt x="332307" y="1378826"/>
                  </a:lnTo>
                  <a:lnTo>
                    <a:pt x="300243" y="1393410"/>
                  </a:lnTo>
                  <a:lnTo>
                    <a:pt x="273036" y="1381743"/>
                  </a:lnTo>
                  <a:lnTo>
                    <a:pt x="284696" y="1321462"/>
                  </a:lnTo>
                  <a:lnTo>
                    <a:pt x="261376" y="1234930"/>
                  </a:lnTo>
                  <a:lnTo>
                    <a:pt x="224453" y="1152288"/>
                  </a:lnTo>
                  <a:lnTo>
                    <a:pt x="160324" y="1096869"/>
                  </a:lnTo>
                  <a:lnTo>
                    <a:pt x="170040" y="1066728"/>
                  </a:lnTo>
                  <a:lnTo>
                    <a:pt x="158380" y="1036588"/>
                  </a:lnTo>
                  <a:lnTo>
                    <a:pt x="135060" y="1029782"/>
                  </a:lnTo>
                  <a:lnTo>
                    <a:pt x="82591" y="1053117"/>
                  </a:lnTo>
                  <a:lnTo>
                    <a:pt x="40809" y="995753"/>
                  </a:lnTo>
                  <a:lnTo>
                    <a:pt x="68988" y="931583"/>
                  </a:lnTo>
                  <a:lnTo>
                    <a:pt x="47611" y="848941"/>
                  </a:lnTo>
                  <a:lnTo>
                    <a:pt x="3886" y="810050"/>
                  </a:lnTo>
                  <a:lnTo>
                    <a:pt x="0" y="776993"/>
                  </a:lnTo>
                  <a:lnTo>
                    <a:pt x="18461" y="773104"/>
                  </a:lnTo>
                  <a:lnTo>
                    <a:pt x="40809" y="669071"/>
                  </a:lnTo>
                  <a:lnTo>
                    <a:pt x="82591" y="653515"/>
                  </a:lnTo>
                  <a:lnTo>
                    <a:pt x="116599" y="561150"/>
                  </a:lnTo>
                  <a:lnTo>
                    <a:pt x="162267" y="554344"/>
                  </a:lnTo>
                  <a:lnTo>
                    <a:pt x="192388" y="515453"/>
                  </a:lnTo>
                  <a:lnTo>
                    <a:pt x="183643" y="469757"/>
                  </a:lnTo>
                  <a:lnTo>
                    <a:pt x="217237" y="415014"/>
                  </a:lnTo>
                  <a:lnTo>
                    <a:pt x="216256" y="413717"/>
                  </a:lnTo>
                  <a:lnTo>
                    <a:pt x="214313" y="372832"/>
                  </a:lnTo>
                  <a:lnTo>
                    <a:pt x="234718" y="351416"/>
                  </a:lnTo>
                  <a:lnTo>
                    <a:pt x="296904" y="361150"/>
                  </a:lnTo>
                  <a:lnTo>
                    <a:pt x="283301" y="259911"/>
                  </a:lnTo>
                  <a:lnTo>
                    <a:pt x="296904" y="146991"/>
                  </a:lnTo>
                  <a:lnTo>
                    <a:pt x="489292" y="110000"/>
                  </a:lnTo>
                  <a:lnTo>
                    <a:pt x="499009" y="82743"/>
                  </a:lnTo>
                  <a:lnTo>
                    <a:pt x="549535" y="84690"/>
                  </a:lnTo>
                  <a:lnTo>
                    <a:pt x="620466" y="116814"/>
                  </a:lnTo>
                  <a:lnTo>
                    <a:pt x="627268" y="149911"/>
                  </a:lnTo>
                  <a:lnTo>
                    <a:pt x="726377" y="156726"/>
                  </a:lnTo>
                  <a:lnTo>
                    <a:pt x="751640" y="108053"/>
                  </a:lnTo>
                  <a:lnTo>
                    <a:pt x="831317" y="94425"/>
                  </a:lnTo>
                  <a:lnTo>
                    <a:pt x="841033" y="16549"/>
                  </a:lnTo>
                  <a:close/>
                </a:path>
              </a:pathLst>
            </a:custGeom>
            <a:solidFill>
              <a:srgbClr val="FF9933"/>
            </a:solidFill>
            <a:ln w="6350" algn="ctr">
              <a:solidFill>
                <a:schemeClr val="bg1">
                  <a:lumMod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 dirty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44" name="Freeform 43"/>
            <p:cNvSpPr/>
            <p:nvPr/>
          </p:nvSpPr>
          <p:spPr>
            <a:xfrm>
              <a:off x="1812507" y="3523828"/>
              <a:ext cx="1436139" cy="772576"/>
            </a:xfrm>
            <a:custGeom>
              <a:avLst/>
              <a:gdLst>
                <a:gd name="connsiteX0" fmla="*/ 388620 w 2308860"/>
                <a:gd name="connsiteY0" fmla="*/ 213360 h 1242060"/>
                <a:gd name="connsiteX1" fmla="*/ 784860 w 2308860"/>
                <a:gd name="connsiteY1" fmla="*/ 0 h 1242060"/>
                <a:gd name="connsiteX2" fmla="*/ 1813560 w 2308860"/>
                <a:gd name="connsiteY2" fmla="*/ 114300 h 1242060"/>
                <a:gd name="connsiteX3" fmla="*/ 2308860 w 2308860"/>
                <a:gd name="connsiteY3" fmla="*/ 533400 h 1242060"/>
                <a:gd name="connsiteX4" fmla="*/ 2118360 w 2308860"/>
                <a:gd name="connsiteY4" fmla="*/ 1143000 h 1242060"/>
                <a:gd name="connsiteX5" fmla="*/ 2042160 w 2308860"/>
                <a:gd name="connsiteY5" fmla="*/ 1242060 h 1242060"/>
                <a:gd name="connsiteX6" fmla="*/ 1897380 w 2308860"/>
                <a:gd name="connsiteY6" fmla="*/ 1173480 h 1242060"/>
                <a:gd name="connsiteX7" fmla="*/ 1264920 w 2308860"/>
                <a:gd name="connsiteY7" fmla="*/ 1074420 h 1242060"/>
                <a:gd name="connsiteX8" fmla="*/ 1066800 w 2308860"/>
                <a:gd name="connsiteY8" fmla="*/ 982980 h 1242060"/>
                <a:gd name="connsiteX9" fmla="*/ 975360 w 2308860"/>
                <a:gd name="connsiteY9" fmla="*/ 1104900 h 1242060"/>
                <a:gd name="connsiteX10" fmla="*/ 662940 w 2308860"/>
                <a:gd name="connsiteY10" fmla="*/ 982980 h 1242060"/>
                <a:gd name="connsiteX11" fmla="*/ 137160 w 2308860"/>
                <a:gd name="connsiteY11" fmla="*/ 1120140 h 1242060"/>
                <a:gd name="connsiteX12" fmla="*/ 0 w 2308860"/>
                <a:gd name="connsiteY12" fmla="*/ 678180 h 1242060"/>
                <a:gd name="connsiteX13" fmla="*/ 480060 w 2308860"/>
                <a:gd name="connsiteY13" fmla="*/ 198120 h 1242060"/>
                <a:gd name="connsiteX14" fmla="*/ 480060 w 2308860"/>
                <a:gd name="connsiteY14" fmla="*/ 198120 h 124206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</a:cxnLst>
              <a:rect l="l" t="t" r="r" b="b"/>
              <a:pathLst>
                <a:path w="2308860" h="1242060">
                  <a:moveTo>
                    <a:pt x="388620" y="213360"/>
                  </a:moveTo>
                  <a:lnTo>
                    <a:pt x="784860" y="0"/>
                  </a:lnTo>
                  <a:lnTo>
                    <a:pt x="1813560" y="114300"/>
                  </a:lnTo>
                  <a:lnTo>
                    <a:pt x="2308860" y="533400"/>
                  </a:lnTo>
                  <a:lnTo>
                    <a:pt x="2118360" y="1143000"/>
                  </a:lnTo>
                  <a:lnTo>
                    <a:pt x="2042160" y="1242060"/>
                  </a:lnTo>
                  <a:lnTo>
                    <a:pt x="1897380" y="1173480"/>
                  </a:lnTo>
                  <a:lnTo>
                    <a:pt x="1264920" y="1074420"/>
                  </a:lnTo>
                  <a:lnTo>
                    <a:pt x="1066800" y="982980"/>
                  </a:lnTo>
                  <a:lnTo>
                    <a:pt x="975360" y="1104900"/>
                  </a:lnTo>
                  <a:lnTo>
                    <a:pt x="662940" y="982980"/>
                  </a:lnTo>
                  <a:lnTo>
                    <a:pt x="137160" y="1120140"/>
                  </a:lnTo>
                  <a:lnTo>
                    <a:pt x="0" y="678180"/>
                  </a:lnTo>
                  <a:lnTo>
                    <a:pt x="480060" y="198120"/>
                  </a:lnTo>
                  <a:lnTo>
                    <a:pt x="480060" y="198120"/>
                  </a:lnTo>
                </a:path>
              </a:pathLst>
            </a:custGeom>
            <a:no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45" name="Freeform 44"/>
            <p:cNvSpPr/>
            <p:nvPr/>
          </p:nvSpPr>
          <p:spPr>
            <a:xfrm>
              <a:off x="1435106" y="3089748"/>
              <a:ext cx="1873181" cy="1288615"/>
            </a:xfrm>
            <a:custGeom>
              <a:avLst/>
              <a:gdLst/>
              <a:ahLst/>
              <a:cxnLst/>
              <a:rect l="l" t="t" r="r" b="b"/>
              <a:pathLst>
                <a:path w="3011487" h="2071688">
                  <a:moveTo>
                    <a:pt x="2147985" y="0"/>
                  </a:moveTo>
                  <a:lnTo>
                    <a:pt x="2228621" y="60303"/>
                  </a:lnTo>
                  <a:lnTo>
                    <a:pt x="2272339" y="67111"/>
                  </a:lnTo>
                  <a:lnTo>
                    <a:pt x="2292741" y="122551"/>
                  </a:lnTo>
                  <a:lnTo>
                    <a:pt x="2409323" y="122551"/>
                  </a:lnTo>
                  <a:lnTo>
                    <a:pt x="2488015" y="175074"/>
                  </a:lnTo>
                  <a:lnTo>
                    <a:pt x="2508417" y="273309"/>
                  </a:lnTo>
                  <a:lnTo>
                    <a:pt x="2552135" y="281090"/>
                  </a:lnTo>
                  <a:lnTo>
                    <a:pt x="2602654" y="313187"/>
                  </a:lnTo>
                  <a:lnTo>
                    <a:pt x="2590996" y="367655"/>
                  </a:lnTo>
                  <a:lnTo>
                    <a:pt x="2565736" y="360846"/>
                  </a:lnTo>
                  <a:lnTo>
                    <a:pt x="2483158" y="395861"/>
                  </a:lnTo>
                  <a:lnTo>
                    <a:pt x="2491901" y="455192"/>
                  </a:lnTo>
                  <a:lnTo>
                    <a:pt x="2528819" y="466863"/>
                  </a:lnTo>
                  <a:lnTo>
                    <a:pt x="2528819" y="581634"/>
                  </a:lnTo>
                  <a:lnTo>
                    <a:pt x="2577394" y="615676"/>
                  </a:lnTo>
                  <a:lnTo>
                    <a:pt x="2595853" y="698350"/>
                  </a:lnTo>
                  <a:lnTo>
                    <a:pt x="2722150" y="806312"/>
                  </a:lnTo>
                  <a:lnTo>
                    <a:pt x="2689118" y="924000"/>
                  </a:lnTo>
                  <a:lnTo>
                    <a:pt x="2781412" y="1036826"/>
                  </a:lnTo>
                  <a:lnTo>
                    <a:pt x="2815415" y="1048497"/>
                  </a:lnTo>
                  <a:lnTo>
                    <a:pt x="2838732" y="1013482"/>
                  </a:lnTo>
                  <a:lnTo>
                    <a:pt x="2865934" y="1027099"/>
                  </a:lnTo>
                  <a:lnTo>
                    <a:pt x="2847475" y="1101019"/>
                  </a:lnTo>
                  <a:lnTo>
                    <a:pt x="2868848" y="1114636"/>
                  </a:lnTo>
                  <a:lnTo>
                    <a:pt x="2886681" y="1144391"/>
                  </a:lnTo>
                  <a:lnTo>
                    <a:pt x="2892742" y="1147446"/>
                  </a:lnTo>
                  <a:lnTo>
                    <a:pt x="2898210" y="1189368"/>
                  </a:lnTo>
                  <a:lnTo>
                    <a:pt x="2925813" y="1207549"/>
                  </a:lnTo>
                  <a:lnTo>
                    <a:pt x="2954047" y="1292130"/>
                  </a:lnTo>
                  <a:lnTo>
                    <a:pt x="3011487" y="1312547"/>
                  </a:lnTo>
                  <a:lnTo>
                    <a:pt x="2997857" y="1425322"/>
                  </a:lnTo>
                  <a:lnTo>
                    <a:pt x="3011487" y="1526431"/>
                  </a:lnTo>
                  <a:lnTo>
                    <a:pt x="2949179" y="1516709"/>
                  </a:lnTo>
                  <a:lnTo>
                    <a:pt x="2928734" y="1538098"/>
                  </a:lnTo>
                  <a:lnTo>
                    <a:pt x="2930681" y="1578930"/>
                  </a:lnTo>
                  <a:lnTo>
                    <a:pt x="2896606" y="1634346"/>
                  </a:lnTo>
                  <a:lnTo>
                    <a:pt x="2905368" y="1680039"/>
                  </a:lnTo>
                  <a:lnTo>
                    <a:pt x="2875187" y="1718927"/>
                  </a:lnTo>
                  <a:lnTo>
                    <a:pt x="2829430" y="1725733"/>
                  </a:lnTo>
                  <a:lnTo>
                    <a:pt x="2795355" y="1818092"/>
                  </a:lnTo>
                  <a:lnTo>
                    <a:pt x="2753491" y="1833647"/>
                  </a:lnTo>
                  <a:lnTo>
                    <a:pt x="2731099" y="1937673"/>
                  </a:lnTo>
                  <a:lnTo>
                    <a:pt x="2712601" y="1941562"/>
                  </a:lnTo>
                  <a:lnTo>
                    <a:pt x="2675606" y="1944478"/>
                  </a:lnTo>
                  <a:lnTo>
                    <a:pt x="2673659" y="1971700"/>
                  </a:lnTo>
                  <a:lnTo>
                    <a:pt x="2648346" y="2001838"/>
                  </a:lnTo>
                  <a:lnTo>
                    <a:pt x="2620112" y="1990172"/>
                  </a:lnTo>
                  <a:lnTo>
                    <a:pt x="2608429" y="1946423"/>
                  </a:lnTo>
                  <a:lnTo>
                    <a:pt x="2621929" y="1912489"/>
                  </a:lnTo>
                  <a:lnTo>
                    <a:pt x="2621082" y="1911867"/>
                  </a:lnTo>
                  <a:lnTo>
                    <a:pt x="2607093" y="1947153"/>
                  </a:lnTo>
                  <a:lnTo>
                    <a:pt x="2571169" y="1916992"/>
                  </a:lnTo>
                  <a:lnTo>
                    <a:pt x="2539128" y="1924776"/>
                  </a:lnTo>
                  <a:lnTo>
                    <a:pt x="2510972" y="1986070"/>
                  </a:lnTo>
                  <a:lnTo>
                    <a:pt x="2513884" y="2027906"/>
                  </a:lnTo>
                  <a:lnTo>
                    <a:pt x="2467280" y="2021096"/>
                  </a:lnTo>
                  <a:lnTo>
                    <a:pt x="2444949" y="1965639"/>
                  </a:lnTo>
                  <a:lnTo>
                    <a:pt x="2377955" y="1953964"/>
                  </a:lnTo>
                  <a:lnTo>
                    <a:pt x="2334263" y="1958828"/>
                  </a:lnTo>
                  <a:lnTo>
                    <a:pt x="2307077" y="1979260"/>
                  </a:lnTo>
                  <a:lnTo>
                    <a:pt x="2240083" y="1960774"/>
                  </a:lnTo>
                  <a:lnTo>
                    <a:pt x="2174060" y="2009421"/>
                  </a:lnTo>
                  <a:lnTo>
                    <a:pt x="2146874" y="2007475"/>
                  </a:lnTo>
                  <a:lnTo>
                    <a:pt x="2121630" y="2064878"/>
                  </a:lnTo>
                  <a:lnTo>
                    <a:pt x="2079880" y="2071688"/>
                  </a:lnTo>
                  <a:lnTo>
                    <a:pt x="2039101" y="2041527"/>
                  </a:lnTo>
                  <a:lnTo>
                    <a:pt x="2036188" y="1953964"/>
                  </a:lnTo>
                  <a:lnTo>
                    <a:pt x="1967253" y="1889750"/>
                  </a:lnTo>
                  <a:lnTo>
                    <a:pt x="1931328" y="1899480"/>
                  </a:lnTo>
                  <a:lnTo>
                    <a:pt x="1906084" y="1859589"/>
                  </a:lnTo>
                  <a:lnTo>
                    <a:pt x="1923561" y="1807051"/>
                  </a:lnTo>
                  <a:lnTo>
                    <a:pt x="1855596" y="1788565"/>
                  </a:lnTo>
                  <a:lnTo>
                    <a:pt x="1793457" y="1820672"/>
                  </a:lnTo>
                  <a:lnTo>
                    <a:pt x="1736172" y="1834293"/>
                  </a:lnTo>
                  <a:lnTo>
                    <a:pt x="1697335" y="1786620"/>
                  </a:lnTo>
                  <a:lnTo>
                    <a:pt x="1628399" y="1791484"/>
                  </a:lnTo>
                  <a:lnTo>
                    <a:pt x="1596359" y="1811916"/>
                  </a:lnTo>
                  <a:lnTo>
                    <a:pt x="1574998" y="1807051"/>
                  </a:lnTo>
                  <a:lnTo>
                    <a:pt x="1579094" y="1770799"/>
                  </a:lnTo>
                  <a:lnTo>
                    <a:pt x="1578208" y="1769986"/>
                  </a:lnTo>
                  <a:lnTo>
                    <a:pt x="1574177" y="1805546"/>
                  </a:lnTo>
                  <a:lnTo>
                    <a:pt x="1538183" y="1787087"/>
                  </a:lnTo>
                  <a:lnTo>
                    <a:pt x="1503162" y="1790001"/>
                  </a:lnTo>
                  <a:lnTo>
                    <a:pt x="1332922" y="1790001"/>
                  </a:lnTo>
                  <a:lnTo>
                    <a:pt x="1296928" y="1815262"/>
                  </a:lnTo>
                  <a:lnTo>
                    <a:pt x="1280390" y="1879385"/>
                  </a:lnTo>
                  <a:lnTo>
                    <a:pt x="1165600" y="1872584"/>
                  </a:lnTo>
                  <a:lnTo>
                    <a:pt x="1131552" y="1888129"/>
                  </a:lnTo>
                  <a:lnTo>
                    <a:pt x="1076102" y="1856067"/>
                  </a:lnTo>
                  <a:lnTo>
                    <a:pt x="976876" y="1844409"/>
                  </a:lnTo>
                  <a:lnTo>
                    <a:pt x="936018" y="1862868"/>
                  </a:lnTo>
                  <a:lnTo>
                    <a:pt x="903916" y="1854124"/>
                  </a:lnTo>
                  <a:lnTo>
                    <a:pt x="848466" y="1906588"/>
                  </a:lnTo>
                  <a:lnTo>
                    <a:pt x="829983" y="1906588"/>
                  </a:lnTo>
                  <a:lnTo>
                    <a:pt x="799826" y="1854124"/>
                  </a:lnTo>
                  <a:lnTo>
                    <a:pt x="759388" y="1847393"/>
                  </a:lnTo>
                  <a:lnTo>
                    <a:pt x="759172" y="1848296"/>
                  </a:lnTo>
                  <a:lnTo>
                    <a:pt x="692186" y="1889125"/>
                  </a:lnTo>
                  <a:lnTo>
                    <a:pt x="658208" y="1838575"/>
                  </a:lnTo>
                  <a:lnTo>
                    <a:pt x="612580" y="1833714"/>
                  </a:lnTo>
                  <a:lnTo>
                    <a:pt x="594135" y="1742334"/>
                  </a:lnTo>
                  <a:lnTo>
                    <a:pt x="568894" y="1723864"/>
                  </a:lnTo>
                  <a:lnTo>
                    <a:pt x="559186" y="1686923"/>
                  </a:lnTo>
                  <a:lnTo>
                    <a:pt x="584427" y="1675257"/>
                  </a:lnTo>
                  <a:lnTo>
                    <a:pt x="584427" y="1643177"/>
                  </a:lnTo>
                  <a:lnTo>
                    <a:pt x="533945" y="1615957"/>
                  </a:lnTo>
                  <a:lnTo>
                    <a:pt x="548507" y="1526522"/>
                  </a:lnTo>
                  <a:lnTo>
                    <a:pt x="481521" y="1480832"/>
                  </a:lnTo>
                  <a:lnTo>
                    <a:pt x="495112" y="1427365"/>
                  </a:lnTo>
                  <a:lnTo>
                    <a:pt x="449484" y="1366121"/>
                  </a:lnTo>
                  <a:lnTo>
                    <a:pt x="465017" y="1333068"/>
                  </a:lnTo>
                  <a:lnTo>
                    <a:pt x="435893" y="1317514"/>
                  </a:lnTo>
                  <a:lnTo>
                    <a:pt x="362112" y="1335985"/>
                  </a:lnTo>
                  <a:lnTo>
                    <a:pt x="323279" y="1271824"/>
                  </a:lnTo>
                  <a:lnTo>
                    <a:pt x="350462" y="1179472"/>
                  </a:lnTo>
                  <a:lnTo>
                    <a:pt x="316484" y="1147392"/>
                  </a:lnTo>
                  <a:lnTo>
                    <a:pt x="252410" y="1142531"/>
                  </a:lnTo>
                  <a:lnTo>
                    <a:pt x="238819" y="1039486"/>
                  </a:lnTo>
                  <a:lnTo>
                    <a:pt x="160183" y="1009350"/>
                  </a:lnTo>
                  <a:lnTo>
                    <a:pt x="94169" y="938385"/>
                  </a:lnTo>
                  <a:lnTo>
                    <a:pt x="38832" y="917970"/>
                  </a:lnTo>
                  <a:lnTo>
                    <a:pt x="43686" y="837283"/>
                  </a:lnTo>
                  <a:lnTo>
                    <a:pt x="0" y="777984"/>
                  </a:lnTo>
                  <a:lnTo>
                    <a:pt x="55336" y="727433"/>
                  </a:lnTo>
                  <a:lnTo>
                    <a:pt x="43686" y="681743"/>
                  </a:lnTo>
                  <a:lnTo>
                    <a:pt x="84460" y="605917"/>
                  </a:lnTo>
                  <a:lnTo>
                    <a:pt x="160183" y="605917"/>
                  </a:lnTo>
                  <a:lnTo>
                    <a:pt x="188337" y="552450"/>
                  </a:lnTo>
                  <a:lnTo>
                    <a:pt x="215520" y="559255"/>
                  </a:lnTo>
                  <a:lnTo>
                    <a:pt x="247556" y="587447"/>
                  </a:lnTo>
                  <a:lnTo>
                    <a:pt x="233965" y="635081"/>
                  </a:lnTo>
                  <a:lnTo>
                    <a:pt x="306775" y="651607"/>
                  </a:lnTo>
                  <a:lnTo>
                    <a:pt x="341725" y="681743"/>
                  </a:lnTo>
                  <a:lnTo>
                    <a:pt x="341725" y="713823"/>
                  </a:lnTo>
                  <a:lnTo>
                    <a:pt x="355316" y="736182"/>
                  </a:lnTo>
                  <a:lnTo>
                    <a:pt x="382499" y="734238"/>
                  </a:lnTo>
                  <a:lnTo>
                    <a:pt x="437835" y="692436"/>
                  </a:lnTo>
                  <a:lnTo>
                    <a:pt x="454338" y="720628"/>
                  </a:lnTo>
                  <a:lnTo>
                    <a:pt x="506762" y="715768"/>
                  </a:lnTo>
                  <a:lnTo>
                    <a:pt x="532003" y="678827"/>
                  </a:lnTo>
                  <a:lnTo>
                    <a:pt x="651412" y="699241"/>
                  </a:lnTo>
                  <a:lnTo>
                    <a:pt x="697040" y="757569"/>
                  </a:lnTo>
                  <a:lnTo>
                    <a:pt x="765968" y="747848"/>
                  </a:lnTo>
                  <a:lnTo>
                    <a:pt x="784413" y="764374"/>
                  </a:lnTo>
                  <a:lnTo>
                    <a:pt x="754318" y="812008"/>
                  </a:lnTo>
                  <a:lnTo>
                    <a:pt x="777617" y="848949"/>
                  </a:lnTo>
                  <a:lnTo>
                    <a:pt x="828099" y="862559"/>
                  </a:lnTo>
                  <a:lnTo>
                    <a:pt x="850428" y="832423"/>
                  </a:lnTo>
                  <a:lnTo>
                    <a:pt x="825187" y="807147"/>
                  </a:lnTo>
                  <a:lnTo>
                    <a:pt x="831983" y="786733"/>
                  </a:lnTo>
                  <a:lnTo>
                    <a:pt x="894114" y="757569"/>
                  </a:lnTo>
                  <a:lnTo>
                    <a:pt x="1013524" y="786733"/>
                  </a:lnTo>
                  <a:lnTo>
                    <a:pt x="1077388" y="754757"/>
                  </a:lnTo>
                  <a:lnTo>
                    <a:pt x="1077377" y="754697"/>
                  </a:lnTo>
                  <a:lnTo>
                    <a:pt x="1061786" y="704119"/>
                  </a:lnTo>
                  <a:lnTo>
                    <a:pt x="1089070" y="667159"/>
                  </a:lnTo>
                  <a:lnTo>
                    <a:pt x="1112457" y="685639"/>
                  </a:lnTo>
                  <a:lnTo>
                    <a:pt x="1158256" y="672022"/>
                  </a:lnTo>
                  <a:lnTo>
                    <a:pt x="1167026" y="648678"/>
                  </a:lnTo>
                  <a:lnTo>
                    <a:pt x="1126099" y="621444"/>
                  </a:lnTo>
                  <a:lnTo>
                    <a:pt x="1119278" y="587401"/>
                  </a:lnTo>
                  <a:lnTo>
                    <a:pt x="1173847" y="568921"/>
                  </a:lnTo>
                  <a:lnTo>
                    <a:pt x="1185540" y="540714"/>
                  </a:lnTo>
                  <a:lnTo>
                    <a:pt x="1130971" y="490136"/>
                  </a:lnTo>
                  <a:lnTo>
                    <a:pt x="1148511" y="467765"/>
                  </a:lnTo>
                  <a:lnTo>
                    <a:pt x="1176770" y="469710"/>
                  </a:lnTo>
                  <a:lnTo>
                    <a:pt x="1188464" y="423996"/>
                  </a:lnTo>
                  <a:lnTo>
                    <a:pt x="1268368" y="393844"/>
                  </a:lnTo>
                  <a:lnTo>
                    <a:pt x="1360941" y="442476"/>
                  </a:lnTo>
                  <a:lnTo>
                    <a:pt x="1420382" y="444421"/>
                  </a:lnTo>
                  <a:lnTo>
                    <a:pt x="1443769" y="476519"/>
                  </a:lnTo>
                  <a:lnTo>
                    <a:pt x="1462283" y="442476"/>
                  </a:lnTo>
                  <a:lnTo>
                    <a:pt x="1440845" y="373418"/>
                  </a:lnTo>
                  <a:lnTo>
                    <a:pt x="1459360" y="350074"/>
                  </a:lnTo>
                  <a:lnTo>
                    <a:pt x="1498338" y="356883"/>
                  </a:lnTo>
                  <a:lnTo>
                    <a:pt x="1560702" y="283934"/>
                  </a:lnTo>
                  <a:lnTo>
                    <a:pt x="1547060" y="231411"/>
                  </a:lnTo>
                  <a:lnTo>
                    <a:pt x="1590910" y="231411"/>
                  </a:lnTo>
                  <a:lnTo>
                    <a:pt x="1611374" y="258645"/>
                  </a:lnTo>
                  <a:lnTo>
                    <a:pt x="1595783" y="290743"/>
                  </a:lnTo>
                  <a:lnTo>
                    <a:pt x="1623067" y="295606"/>
                  </a:lnTo>
                  <a:lnTo>
                    <a:pt x="1614297" y="350074"/>
                  </a:lnTo>
                  <a:lnTo>
                    <a:pt x="1660096" y="354938"/>
                  </a:lnTo>
                  <a:lnTo>
                    <a:pt x="1685432" y="322840"/>
                  </a:lnTo>
                  <a:lnTo>
                    <a:pt x="1697125" y="260591"/>
                  </a:lnTo>
                  <a:lnTo>
                    <a:pt x="1678611" y="191532"/>
                  </a:lnTo>
                  <a:lnTo>
                    <a:pt x="1790672" y="95240"/>
                  </a:lnTo>
                  <a:lnTo>
                    <a:pt x="1952430" y="93295"/>
                  </a:lnTo>
                  <a:lnTo>
                    <a:pt x="1959251" y="74814"/>
                  </a:lnTo>
                  <a:lnTo>
                    <a:pt x="2028437" y="65088"/>
                  </a:lnTo>
                  <a:lnTo>
                    <a:pt x="2072431" y="96854"/>
                  </a:lnTo>
                  <a:lnTo>
                    <a:pt x="2122726" y="4863"/>
                  </a:lnTo>
                  <a:close/>
                </a:path>
              </a:pathLst>
            </a:custGeom>
            <a:solidFill>
              <a:srgbClr val="FF9933"/>
            </a:solidFill>
            <a:ln w="6350" algn="ctr">
              <a:solidFill>
                <a:schemeClr val="bg1">
                  <a:lumMod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 dirty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46" name="Freeform 45"/>
            <p:cNvSpPr/>
            <p:nvPr/>
          </p:nvSpPr>
          <p:spPr>
            <a:xfrm>
              <a:off x="2614114" y="2355089"/>
              <a:ext cx="1554237" cy="1610522"/>
            </a:xfrm>
            <a:custGeom>
              <a:avLst/>
              <a:gdLst/>
              <a:ahLst/>
              <a:cxnLst/>
              <a:rect l="l" t="t" r="r" b="b"/>
              <a:pathLst>
                <a:path w="2498725" h="2589213">
                  <a:moveTo>
                    <a:pt x="1303687" y="0"/>
                  </a:moveTo>
                  <a:lnTo>
                    <a:pt x="1307569" y="3883"/>
                  </a:lnTo>
                  <a:lnTo>
                    <a:pt x="1312420" y="13592"/>
                  </a:lnTo>
                  <a:lnTo>
                    <a:pt x="1326004" y="20388"/>
                  </a:lnTo>
                  <a:lnTo>
                    <a:pt x="1344440" y="15533"/>
                  </a:lnTo>
                  <a:lnTo>
                    <a:pt x="1362876" y="18446"/>
                  </a:lnTo>
                  <a:lnTo>
                    <a:pt x="1381312" y="27184"/>
                  </a:lnTo>
                  <a:lnTo>
                    <a:pt x="1390045" y="38834"/>
                  </a:lnTo>
                  <a:lnTo>
                    <a:pt x="1396837" y="57280"/>
                  </a:lnTo>
                  <a:lnTo>
                    <a:pt x="1408481" y="66017"/>
                  </a:lnTo>
                  <a:lnTo>
                    <a:pt x="1424976" y="77667"/>
                  </a:lnTo>
                  <a:lnTo>
                    <a:pt x="1436620" y="89317"/>
                  </a:lnTo>
                  <a:lnTo>
                    <a:pt x="1468640" y="104851"/>
                  </a:lnTo>
                  <a:lnTo>
                    <a:pt x="1487076" y="119413"/>
                  </a:lnTo>
                  <a:lnTo>
                    <a:pt x="1490957" y="130093"/>
                  </a:lnTo>
                  <a:lnTo>
                    <a:pt x="1493868" y="158247"/>
                  </a:lnTo>
                  <a:lnTo>
                    <a:pt x="1497749" y="162130"/>
                  </a:lnTo>
                  <a:lnTo>
                    <a:pt x="1507452" y="166985"/>
                  </a:lnTo>
                  <a:lnTo>
                    <a:pt x="1529769" y="166985"/>
                  </a:lnTo>
                  <a:lnTo>
                    <a:pt x="1544324" y="171839"/>
                  </a:lnTo>
                  <a:lnTo>
                    <a:pt x="1548205" y="176693"/>
                  </a:lnTo>
                  <a:lnTo>
                    <a:pt x="1546265" y="183489"/>
                  </a:lnTo>
                  <a:lnTo>
                    <a:pt x="1539472" y="199022"/>
                  </a:lnTo>
                  <a:lnTo>
                    <a:pt x="1546265" y="217468"/>
                  </a:lnTo>
                  <a:lnTo>
                    <a:pt x="1601572" y="281544"/>
                  </a:lnTo>
                  <a:lnTo>
                    <a:pt x="1615157" y="298048"/>
                  </a:lnTo>
                  <a:lnTo>
                    <a:pt x="1626800" y="306786"/>
                  </a:lnTo>
                  <a:lnTo>
                    <a:pt x="1633592" y="320378"/>
                  </a:lnTo>
                  <a:lnTo>
                    <a:pt x="1630682" y="325232"/>
                  </a:lnTo>
                  <a:lnTo>
                    <a:pt x="1626800" y="338824"/>
                  </a:lnTo>
                  <a:lnTo>
                    <a:pt x="1626800" y="348532"/>
                  </a:lnTo>
                  <a:lnTo>
                    <a:pt x="1642325" y="360182"/>
                  </a:lnTo>
                  <a:lnTo>
                    <a:pt x="1649117" y="366978"/>
                  </a:lnTo>
                  <a:lnTo>
                    <a:pt x="1649117" y="370862"/>
                  </a:lnTo>
                  <a:lnTo>
                    <a:pt x="1645236" y="389308"/>
                  </a:lnTo>
                  <a:lnTo>
                    <a:pt x="1647177" y="400958"/>
                  </a:lnTo>
                  <a:lnTo>
                    <a:pt x="1653969" y="412608"/>
                  </a:lnTo>
                  <a:lnTo>
                    <a:pt x="1669494" y="431054"/>
                  </a:lnTo>
                  <a:lnTo>
                    <a:pt x="1677256" y="442704"/>
                  </a:lnTo>
                  <a:lnTo>
                    <a:pt x="1677256" y="446587"/>
                  </a:lnTo>
                  <a:lnTo>
                    <a:pt x="1669494" y="458237"/>
                  </a:lnTo>
                  <a:lnTo>
                    <a:pt x="1667553" y="476683"/>
                  </a:lnTo>
                  <a:lnTo>
                    <a:pt x="1667553" y="483479"/>
                  </a:lnTo>
                  <a:lnTo>
                    <a:pt x="1674345" y="488333"/>
                  </a:lnTo>
                  <a:lnTo>
                    <a:pt x="1694722" y="495129"/>
                  </a:lnTo>
                  <a:lnTo>
                    <a:pt x="1702484" y="499984"/>
                  </a:lnTo>
                  <a:lnTo>
                    <a:pt x="1702484" y="506779"/>
                  </a:lnTo>
                  <a:lnTo>
                    <a:pt x="1690841" y="518429"/>
                  </a:lnTo>
                  <a:lnTo>
                    <a:pt x="1687930" y="525225"/>
                  </a:lnTo>
                  <a:lnTo>
                    <a:pt x="1694722" y="538817"/>
                  </a:lnTo>
                  <a:lnTo>
                    <a:pt x="1741297" y="594155"/>
                  </a:lnTo>
                  <a:lnTo>
                    <a:pt x="1748089" y="607747"/>
                  </a:lnTo>
                  <a:lnTo>
                    <a:pt x="1748089" y="614543"/>
                  </a:lnTo>
                  <a:lnTo>
                    <a:pt x="1736445" y="626193"/>
                  </a:lnTo>
                  <a:lnTo>
                    <a:pt x="1727712" y="634931"/>
                  </a:lnTo>
                  <a:lnTo>
                    <a:pt x="1724802" y="644639"/>
                  </a:lnTo>
                  <a:lnTo>
                    <a:pt x="1734505" y="665027"/>
                  </a:lnTo>
                  <a:lnTo>
                    <a:pt x="1741297" y="678618"/>
                  </a:lnTo>
                  <a:lnTo>
                    <a:pt x="1773317" y="724248"/>
                  </a:lnTo>
                  <a:lnTo>
                    <a:pt x="1782050" y="735898"/>
                  </a:lnTo>
                  <a:lnTo>
                    <a:pt x="1820862" y="763082"/>
                  </a:lnTo>
                  <a:lnTo>
                    <a:pt x="1789174" y="763082"/>
                  </a:lnTo>
                  <a:lnTo>
                    <a:pt x="1789388" y="763588"/>
                  </a:lnTo>
                  <a:lnTo>
                    <a:pt x="1822573" y="763588"/>
                  </a:lnTo>
                  <a:lnTo>
                    <a:pt x="1845877" y="782085"/>
                  </a:lnTo>
                  <a:lnTo>
                    <a:pt x="1852674" y="791821"/>
                  </a:lnTo>
                  <a:lnTo>
                    <a:pt x="1859471" y="807397"/>
                  </a:lnTo>
                  <a:lnTo>
                    <a:pt x="1869181" y="851206"/>
                  </a:lnTo>
                  <a:lnTo>
                    <a:pt x="1875978" y="867756"/>
                  </a:lnTo>
                  <a:lnTo>
                    <a:pt x="1887630" y="879438"/>
                  </a:lnTo>
                  <a:lnTo>
                    <a:pt x="1903166" y="888200"/>
                  </a:lnTo>
                  <a:lnTo>
                    <a:pt x="1946860" y="906697"/>
                  </a:lnTo>
                  <a:lnTo>
                    <a:pt x="1955599" y="913512"/>
                  </a:lnTo>
                  <a:lnTo>
                    <a:pt x="1960454" y="925194"/>
                  </a:lnTo>
                  <a:lnTo>
                    <a:pt x="1953657" y="938824"/>
                  </a:lnTo>
                  <a:lnTo>
                    <a:pt x="1946860" y="950506"/>
                  </a:lnTo>
                  <a:lnTo>
                    <a:pt x="1946860" y="954400"/>
                  </a:lnTo>
                  <a:lnTo>
                    <a:pt x="1967251" y="984580"/>
                  </a:lnTo>
                  <a:lnTo>
                    <a:pt x="1970164" y="989447"/>
                  </a:lnTo>
                  <a:lnTo>
                    <a:pt x="1965309" y="991394"/>
                  </a:lnTo>
                  <a:lnTo>
                    <a:pt x="1944918" y="994315"/>
                  </a:lnTo>
                  <a:lnTo>
                    <a:pt x="1933266" y="998209"/>
                  </a:lnTo>
                  <a:lnTo>
                    <a:pt x="1930353" y="1005024"/>
                  </a:lnTo>
                  <a:lnTo>
                    <a:pt x="1935208" y="1009891"/>
                  </a:lnTo>
                  <a:lnTo>
                    <a:pt x="1967251" y="1028389"/>
                  </a:lnTo>
                  <a:lnTo>
                    <a:pt x="1972106" y="1037150"/>
                  </a:lnTo>
                  <a:lnTo>
                    <a:pt x="1970164" y="1046886"/>
                  </a:lnTo>
                  <a:lnTo>
                    <a:pt x="1972106" y="1058568"/>
                  </a:lnTo>
                  <a:lnTo>
                    <a:pt x="1983758" y="1077065"/>
                  </a:lnTo>
                  <a:lnTo>
                    <a:pt x="1997352" y="1083880"/>
                  </a:lnTo>
                  <a:lnTo>
                    <a:pt x="2042989" y="1092642"/>
                  </a:lnTo>
                  <a:lnTo>
                    <a:pt x="2066293" y="1097509"/>
                  </a:lnTo>
                  <a:lnTo>
                    <a:pt x="2075032" y="1104324"/>
                  </a:lnTo>
                  <a:lnTo>
                    <a:pt x="2081829" y="1111139"/>
                  </a:lnTo>
                  <a:lnTo>
                    <a:pt x="2081829" y="1124768"/>
                  </a:lnTo>
                  <a:lnTo>
                    <a:pt x="2084742" y="1138398"/>
                  </a:lnTo>
                  <a:lnTo>
                    <a:pt x="2088626" y="1150080"/>
                  </a:lnTo>
                  <a:lnTo>
                    <a:pt x="2103191" y="1168577"/>
                  </a:lnTo>
                  <a:lnTo>
                    <a:pt x="2145914" y="1221148"/>
                  </a:lnTo>
                  <a:lnTo>
                    <a:pt x="2150769" y="1228936"/>
                  </a:lnTo>
                  <a:lnTo>
                    <a:pt x="2148827" y="1242565"/>
                  </a:lnTo>
                  <a:lnTo>
                    <a:pt x="2142030" y="1258142"/>
                  </a:lnTo>
                  <a:lnTo>
                    <a:pt x="2139117" y="1271771"/>
                  </a:lnTo>
                  <a:lnTo>
                    <a:pt x="2145914" y="1286374"/>
                  </a:lnTo>
                  <a:lnTo>
                    <a:pt x="2157566" y="1297083"/>
                  </a:lnTo>
                  <a:lnTo>
                    <a:pt x="2182812" y="1308766"/>
                  </a:lnTo>
                  <a:lnTo>
                    <a:pt x="2208058" y="1318501"/>
                  </a:lnTo>
                  <a:lnTo>
                    <a:pt x="2229420" y="1332130"/>
                  </a:lnTo>
                  <a:lnTo>
                    <a:pt x="2238159" y="1347707"/>
                  </a:lnTo>
                  <a:lnTo>
                    <a:pt x="2243014" y="1359389"/>
                  </a:lnTo>
                  <a:lnTo>
                    <a:pt x="2261463" y="1371072"/>
                  </a:lnTo>
                  <a:lnTo>
                    <a:pt x="2307100" y="1396383"/>
                  </a:lnTo>
                  <a:lnTo>
                    <a:pt x="2315838" y="1401251"/>
                  </a:lnTo>
                  <a:lnTo>
                    <a:pt x="2332345" y="1419748"/>
                  </a:lnTo>
                  <a:lnTo>
                    <a:pt x="2369243" y="1488869"/>
                  </a:lnTo>
                  <a:lnTo>
                    <a:pt x="2379924" y="1506392"/>
                  </a:lnTo>
                  <a:lnTo>
                    <a:pt x="2382837" y="1518075"/>
                  </a:lnTo>
                  <a:lnTo>
                    <a:pt x="2373127" y="1543386"/>
                  </a:lnTo>
                  <a:lnTo>
                    <a:pt x="2373127" y="1561884"/>
                  </a:lnTo>
                  <a:lnTo>
                    <a:pt x="2376040" y="1580381"/>
                  </a:lnTo>
                  <a:lnTo>
                    <a:pt x="2382837" y="1598878"/>
                  </a:lnTo>
                  <a:lnTo>
                    <a:pt x="2382668" y="1598910"/>
                  </a:lnTo>
                  <a:lnTo>
                    <a:pt x="2397623" y="1627883"/>
                  </a:lnTo>
                  <a:lnTo>
                    <a:pt x="2427760" y="1670652"/>
                  </a:lnTo>
                  <a:lnTo>
                    <a:pt x="2441369" y="1698841"/>
                  </a:lnTo>
                  <a:lnTo>
                    <a:pt x="2453035" y="1739666"/>
                  </a:lnTo>
                  <a:lnTo>
                    <a:pt x="2464701" y="1813539"/>
                  </a:lnTo>
                  <a:lnTo>
                    <a:pt x="2483171" y="1879637"/>
                  </a:lnTo>
                  <a:lnTo>
                    <a:pt x="2483171" y="1894217"/>
                  </a:lnTo>
                  <a:lnTo>
                    <a:pt x="2473450" y="1916574"/>
                  </a:lnTo>
                  <a:lnTo>
                    <a:pt x="2454979" y="1951567"/>
                  </a:lnTo>
                  <a:lnTo>
                    <a:pt x="2453035" y="1960315"/>
                  </a:lnTo>
                  <a:lnTo>
                    <a:pt x="2459840" y="1971979"/>
                  </a:lnTo>
                  <a:lnTo>
                    <a:pt x="2491920" y="1999196"/>
                  </a:lnTo>
                  <a:lnTo>
                    <a:pt x="2494837" y="2006000"/>
                  </a:lnTo>
                  <a:lnTo>
                    <a:pt x="2487060" y="2012804"/>
                  </a:lnTo>
                  <a:lnTo>
                    <a:pt x="2478310" y="2017664"/>
                  </a:lnTo>
                  <a:lnTo>
                    <a:pt x="2478310" y="2020580"/>
                  </a:lnTo>
                  <a:lnTo>
                    <a:pt x="2494837" y="2036133"/>
                  </a:lnTo>
                  <a:lnTo>
                    <a:pt x="2498725" y="2047797"/>
                  </a:lnTo>
                  <a:lnTo>
                    <a:pt x="2498725" y="2054601"/>
                  </a:lnTo>
                  <a:lnTo>
                    <a:pt x="2480255" y="2061405"/>
                  </a:lnTo>
                  <a:lnTo>
                    <a:pt x="2469561" y="2068209"/>
                  </a:lnTo>
                  <a:lnTo>
                    <a:pt x="2469561" y="2073069"/>
                  </a:lnTo>
                  <a:lnTo>
                    <a:pt x="2480255" y="2084734"/>
                  </a:lnTo>
                  <a:lnTo>
                    <a:pt x="2483171" y="2091538"/>
                  </a:lnTo>
                  <a:lnTo>
                    <a:pt x="2478310" y="2098342"/>
                  </a:lnTo>
                  <a:lnTo>
                    <a:pt x="2454979" y="2110006"/>
                  </a:lnTo>
                  <a:lnTo>
                    <a:pt x="2444286" y="2123615"/>
                  </a:lnTo>
                  <a:lnTo>
                    <a:pt x="2444286" y="2148887"/>
                  </a:lnTo>
                  <a:lnTo>
                    <a:pt x="2446230" y="2176104"/>
                  </a:lnTo>
                  <a:lnTo>
                    <a:pt x="2439425" y="2199432"/>
                  </a:lnTo>
                  <a:lnTo>
                    <a:pt x="2429704" y="2211097"/>
                  </a:lnTo>
                  <a:lnTo>
                    <a:pt x="2425815" y="2213041"/>
                  </a:lnTo>
                  <a:lnTo>
                    <a:pt x="2419010" y="2213041"/>
                  </a:lnTo>
                  <a:lnTo>
                    <a:pt x="2409289" y="2211097"/>
                  </a:lnTo>
                  <a:lnTo>
                    <a:pt x="2404428" y="2214985"/>
                  </a:lnTo>
                  <a:lnTo>
                    <a:pt x="2404428" y="2226649"/>
                  </a:lnTo>
                  <a:lnTo>
                    <a:pt x="2411233" y="2238313"/>
                  </a:lnTo>
                  <a:lnTo>
                    <a:pt x="2411233" y="2245117"/>
                  </a:lnTo>
                  <a:lnTo>
                    <a:pt x="2402484" y="2254838"/>
                  </a:lnTo>
                  <a:lnTo>
                    <a:pt x="2390819" y="2261642"/>
                  </a:lnTo>
                  <a:lnTo>
                    <a:pt x="2379153" y="2263586"/>
                  </a:lnTo>
                  <a:lnTo>
                    <a:pt x="2377209" y="2268446"/>
                  </a:lnTo>
                  <a:lnTo>
                    <a:pt x="2377209" y="2275250"/>
                  </a:lnTo>
                  <a:lnTo>
                    <a:pt x="2384014" y="2286914"/>
                  </a:lnTo>
                  <a:lnTo>
                    <a:pt x="2407345" y="2314131"/>
                  </a:lnTo>
                  <a:lnTo>
                    <a:pt x="2411233" y="2322879"/>
                  </a:lnTo>
                  <a:lnTo>
                    <a:pt x="2411233" y="2329683"/>
                  </a:lnTo>
                  <a:lnTo>
                    <a:pt x="2407345" y="2351068"/>
                  </a:lnTo>
                  <a:lnTo>
                    <a:pt x="2404428" y="2371480"/>
                  </a:lnTo>
                  <a:lnTo>
                    <a:pt x="2388874" y="2440494"/>
                  </a:lnTo>
                  <a:lnTo>
                    <a:pt x="2349989" y="2426885"/>
                  </a:lnTo>
                  <a:lnTo>
                    <a:pt x="2274163" y="2437578"/>
                  </a:lnTo>
                  <a:lnTo>
                    <a:pt x="2205141" y="2398697"/>
                  </a:lnTo>
                  <a:lnTo>
                    <a:pt x="2147786" y="2454102"/>
                  </a:lnTo>
                  <a:lnTo>
                    <a:pt x="2011687" y="2430774"/>
                  </a:lnTo>
                  <a:lnTo>
                    <a:pt x="1996133" y="2589213"/>
                  </a:lnTo>
                  <a:lnTo>
                    <a:pt x="1938777" y="2582409"/>
                  </a:lnTo>
                  <a:lnTo>
                    <a:pt x="1965997" y="2454102"/>
                  </a:lnTo>
                  <a:lnTo>
                    <a:pt x="1929056" y="2437578"/>
                  </a:lnTo>
                  <a:lnTo>
                    <a:pt x="1929056" y="2396753"/>
                  </a:lnTo>
                  <a:lnTo>
                    <a:pt x="1925247" y="2349143"/>
                  </a:lnTo>
                  <a:lnTo>
                    <a:pt x="1897431" y="2374089"/>
                  </a:lnTo>
                  <a:lnTo>
                    <a:pt x="1865335" y="2355603"/>
                  </a:lnTo>
                  <a:lnTo>
                    <a:pt x="1821567" y="2355603"/>
                  </a:lnTo>
                  <a:lnTo>
                    <a:pt x="1819621" y="2420789"/>
                  </a:lnTo>
                  <a:lnTo>
                    <a:pt x="1769045" y="2431492"/>
                  </a:lnTo>
                  <a:lnTo>
                    <a:pt x="1755428" y="2374089"/>
                  </a:lnTo>
                  <a:lnTo>
                    <a:pt x="1735003" y="2346847"/>
                  </a:lnTo>
                  <a:lnTo>
                    <a:pt x="1659139" y="2363387"/>
                  </a:lnTo>
                  <a:lnTo>
                    <a:pt x="1649412" y="2441221"/>
                  </a:lnTo>
                  <a:lnTo>
                    <a:pt x="1569657" y="2454842"/>
                  </a:lnTo>
                  <a:lnTo>
                    <a:pt x="1544369" y="2503488"/>
                  </a:lnTo>
                  <a:lnTo>
                    <a:pt x="1445162" y="2496678"/>
                  </a:lnTo>
                  <a:lnTo>
                    <a:pt x="1438353" y="2463598"/>
                  </a:lnTo>
                  <a:lnTo>
                    <a:pt x="1367352" y="2431492"/>
                  </a:lnTo>
                  <a:lnTo>
                    <a:pt x="1316775" y="2429546"/>
                  </a:lnTo>
                  <a:lnTo>
                    <a:pt x="1307049" y="2456788"/>
                  </a:lnTo>
                  <a:lnTo>
                    <a:pt x="1114470" y="2493759"/>
                  </a:lnTo>
                  <a:lnTo>
                    <a:pt x="1057085" y="2473327"/>
                  </a:lnTo>
                  <a:lnTo>
                    <a:pt x="1028879" y="2388683"/>
                  </a:lnTo>
                  <a:lnTo>
                    <a:pt x="983166" y="2358522"/>
                  </a:lnTo>
                  <a:lnTo>
                    <a:pt x="994837" y="2330307"/>
                  </a:lnTo>
                  <a:lnTo>
                    <a:pt x="974412" y="2296255"/>
                  </a:lnTo>
                  <a:lnTo>
                    <a:pt x="953014" y="2282634"/>
                  </a:lnTo>
                  <a:lnTo>
                    <a:pt x="971494" y="2208691"/>
                  </a:lnTo>
                  <a:lnTo>
                    <a:pt x="944261" y="2195070"/>
                  </a:lnTo>
                  <a:lnTo>
                    <a:pt x="920918" y="2230096"/>
                  </a:lnTo>
                  <a:lnTo>
                    <a:pt x="886876" y="2218421"/>
                  </a:lnTo>
                  <a:lnTo>
                    <a:pt x="794477" y="2105561"/>
                  </a:lnTo>
                  <a:lnTo>
                    <a:pt x="827546" y="1987837"/>
                  </a:lnTo>
                  <a:lnTo>
                    <a:pt x="701105" y="1879842"/>
                  </a:lnTo>
                  <a:lnTo>
                    <a:pt x="682625" y="1797143"/>
                  </a:lnTo>
                  <a:lnTo>
                    <a:pt x="713841" y="1777119"/>
                  </a:lnTo>
                  <a:lnTo>
                    <a:pt x="713782" y="1776712"/>
                  </a:lnTo>
                  <a:lnTo>
                    <a:pt x="683464" y="1796157"/>
                  </a:lnTo>
                  <a:lnTo>
                    <a:pt x="634851" y="1762124"/>
                  </a:lnTo>
                  <a:lnTo>
                    <a:pt x="634851" y="1647384"/>
                  </a:lnTo>
                  <a:lnTo>
                    <a:pt x="597905" y="1635716"/>
                  </a:lnTo>
                  <a:lnTo>
                    <a:pt x="589154" y="1576401"/>
                  </a:lnTo>
                  <a:lnTo>
                    <a:pt x="671797" y="1541396"/>
                  </a:lnTo>
                  <a:lnTo>
                    <a:pt x="697076" y="1548203"/>
                  </a:lnTo>
                  <a:lnTo>
                    <a:pt x="708743" y="1493750"/>
                  </a:lnTo>
                  <a:lnTo>
                    <a:pt x="658185" y="1461662"/>
                  </a:lnTo>
                  <a:lnTo>
                    <a:pt x="614433" y="1453883"/>
                  </a:lnTo>
                  <a:lnTo>
                    <a:pt x="594016" y="1355674"/>
                  </a:lnTo>
                  <a:lnTo>
                    <a:pt x="515320" y="1303205"/>
                  </a:lnTo>
                  <a:lnTo>
                    <a:pt x="514793" y="1304925"/>
                  </a:lnTo>
                  <a:lnTo>
                    <a:pt x="398015" y="1304925"/>
                  </a:lnTo>
                  <a:lnTo>
                    <a:pt x="377579" y="1249439"/>
                  </a:lnTo>
                  <a:lnTo>
                    <a:pt x="333788" y="1242625"/>
                  </a:lnTo>
                  <a:lnTo>
                    <a:pt x="253017" y="1182272"/>
                  </a:lnTo>
                  <a:lnTo>
                    <a:pt x="227716" y="1187139"/>
                  </a:lnTo>
                  <a:lnTo>
                    <a:pt x="177112" y="1279616"/>
                  </a:lnTo>
                  <a:lnTo>
                    <a:pt x="131374" y="1246519"/>
                  </a:lnTo>
                  <a:lnTo>
                    <a:pt x="62281" y="1256253"/>
                  </a:lnTo>
                  <a:lnTo>
                    <a:pt x="69093" y="1185192"/>
                  </a:lnTo>
                  <a:lnTo>
                    <a:pt x="48657" y="1136521"/>
                  </a:lnTo>
                  <a:lnTo>
                    <a:pt x="87583" y="1090769"/>
                  </a:lnTo>
                  <a:lnTo>
                    <a:pt x="35033" y="1023602"/>
                  </a:lnTo>
                  <a:lnTo>
                    <a:pt x="57416" y="969089"/>
                  </a:lnTo>
                  <a:lnTo>
                    <a:pt x="52550" y="932099"/>
                  </a:lnTo>
                  <a:lnTo>
                    <a:pt x="11678" y="901922"/>
                  </a:lnTo>
                  <a:lnTo>
                    <a:pt x="0" y="861038"/>
                  </a:lnTo>
                  <a:lnTo>
                    <a:pt x="25302" y="825994"/>
                  </a:lnTo>
                  <a:lnTo>
                    <a:pt x="75905" y="805552"/>
                  </a:lnTo>
                  <a:lnTo>
                    <a:pt x="62281" y="731571"/>
                  </a:lnTo>
                  <a:lnTo>
                    <a:pt x="96341" y="697500"/>
                  </a:lnTo>
                  <a:lnTo>
                    <a:pt x="32114" y="564140"/>
                  </a:lnTo>
                  <a:lnTo>
                    <a:pt x="62281" y="520335"/>
                  </a:lnTo>
                  <a:lnTo>
                    <a:pt x="117750" y="511574"/>
                  </a:lnTo>
                  <a:lnTo>
                    <a:pt x="177112" y="449274"/>
                  </a:lnTo>
                  <a:lnTo>
                    <a:pt x="246205" y="446354"/>
                  </a:lnTo>
                  <a:lnTo>
                    <a:pt x="254964" y="400602"/>
                  </a:lnTo>
                  <a:lnTo>
                    <a:pt x="319191" y="407416"/>
                  </a:lnTo>
                  <a:lnTo>
                    <a:pt x="362982" y="385027"/>
                  </a:lnTo>
                  <a:lnTo>
                    <a:pt x="471001" y="380160"/>
                  </a:lnTo>
                  <a:lnTo>
                    <a:pt x="517712" y="354851"/>
                  </a:lnTo>
                  <a:lnTo>
                    <a:pt x="590698" y="370426"/>
                  </a:lnTo>
                  <a:lnTo>
                    <a:pt x="694824" y="331488"/>
                  </a:lnTo>
                  <a:lnTo>
                    <a:pt x="777541" y="348036"/>
                  </a:lnTo>
                  <a:lnTo>
                    <a:pt x="816467" y="315913"/>
                  </a:lnTo>
                  <a:lnTo>
                    <a:pt x="828144" y="327594"/>
                  </a:lnTo>
                  <a:lnTo>
                    <a:pt x="835962" y="337520"/>
                  </a:lnTo>
                  <a:lnTo>
                    <a:pt x="836353" y="337221"/>
                  </a:lnTo>
                  <a:lnTo>
                    <a:pt x="829206" y="328145"/>
                  </a:lnTo>
                  <a:lnTo>
                    <a:pt x="817562" y="316494"/>
                  </a:lnTo>
                  <a:lnTo>
                    <a:pt x="878018" y="305405"/>
                  </a:lnTo>
                  <a:lnTo>
                    <a:pt x="882967" y="301625"/>
                  </a:lnTo>
                  <a:lnTo>
                    <a:pt x="889738" y="303255"/>
                  </a:lnTo>
                  <a:lnTo>
                    <a:pt x="933999" y="295136"/>
                  </a:lnTo>
                  <a:lnTo>
                    <a:pt x="1014535" y="75726"/>
                  </a:lnTo>
                  <a:lnTo>
                    <a:pt x="1028119" y="68930"/>
                  </a:lnTo>
                  <a:lnTo>
                    <a:pt x="1044615" y="66017"/>
                  </a:lnTo>
                  <a:lnTo>
                    <a:pt x="1055288" y="62134"/>
                  </a:lnTo>
                  <a:lnTo>
                    <a:pt x="1063051" y="57280"/>
                  </a:lnTo>
                  <a:lnTo>
                    <a:pt x="1076635" y="54367"/>
                  </a:lnTo>
                  <a:lnTo>
                    <a:pt x="1110596" y="54367"/>
                  </a:lnTo>
                  <a:lnTo>
                    <a:pt x="1124180" y="50484"/>
                  </a:lnTo>
                  <a:lnTo>
                    <a:pt x="1133883" y="45629"/>
                  </a:lnTo>
                  <a:lnTo>
                    <a:pt x="1149408" y="43688"/>
                  </a:lnTo>
                  <a:lnTo>
                    <a:pt x="1179488" y="38834"/>
                  </a:lnTo>
                  <a:lnTo>
                    <a:pt x="1193072" y="32038"/>
                  </a:lnTo>
                  <a:lnTo>
                    <a:pt x="1199864" y="22329"/>
                  </a:lnTo>
                  <a:lnTo>
                    <a:pt x="1211508" y="18446"/>
                  </a:lnTo>
                  <a:lnTo>
                    <a:pt x="1234795" y="13592"/>
                  </a:lnTo>
                  <a:lnTo>
                    <a:pt x="1266816" y="13592"/>
                  </a:lnTo>
                  <a:lnTo>
                    <a:pt x="1292044" y="1942"/>
                  </a:lnTo>
                  <a:close/>
                </a:path>
              </a:pathLst>
            </a:custGeom>
            <a:solidFill>
              <a:srgbClr val="FFCF21"/>
            </a:solidFill>
            <a:ln w="6350" algn="ctr">
              <a:solidFill>
                <a:schemeClr val="bg1">
                  <a:lumMod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 dirty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47" name="Freeform 46"/>
            <p:cNvSpPr/>
            <p:nvPr/>
          </p:nvSpPr>
          <p:spPr>
            <a:xfrm>
              <a:off x="905836" y="2396562"/>
              <a:ext cx="1768512" cy="1229368"/>
            </a:xfrm>
            <a:custGeom>
              <a:avLst/>
              <a:gdLst/>
              <a:ahLst/>
              <a:cxnLst/>
              <a:rect l="l" t="t" r="r" b="b"/>
              <a:pathLst>
                <a:path w="2843212" h="1976438">
                  <a:moveTo>
                    <a:pt x="1416072" y="0"/>
                  </a:moveTo>
                  <a:lnTo>
                    <a:pt x="1434540" y="30103"/>
                  </a:lnTo>
                  <a:lnTo>
                    <a:pt x="1439399" y="57293"/>
                  </a:lnTo>
                  <a:lnTo>
                    <a:pt x="1554091" y="144689"/>
                  </a:lnTo>
                  <a:lnTo>
                    <a:pt x="1668783" y="167995"/>
                  </a:lnTo>
                  <a:lnTo>
                    <a:pt x="1705718" y="146631"/>
                  </a:lnTo>
                  <a:lnTo>
                    <a:pt x="1704954" y="156230"/>
                  </a:lnTo>
                  <a:lnTo>
                    <a:pt x="1705294" y="156083"/>
                  </a:lnTo>
                  <a:cubicBezTo>
                    <a:pt x="1705554" y="152878"/>
                    <a:pt x="1705825" y="149535"/>
                    <a:pt x="1706108" y="146050"/>
                  </a:cubicBezTo>
                  <a:cubicBezTo>
                    <a:pt x="1706117" y="146050"/>
                    <a:pt x="1706751" y="146079"/>
                    <a:pt x="1756646" y="148346"/>
                  </a:cubicBezTo>
                  <a:cubicBezTo>
                    <a:pt x="1756654" y="148349"/>
                    <a:pt x="1757054" y="148526"/>
                    <a:pt x="1777321" y="157529"/>
                  </a:cubicBezTo>
                  <a:cubicBezTo>
                    <a:pt x="1777327" y="157528"/>
                    <a:pt x="1777436" y="157515"/>
                    <a:pt x="1779618" y="157242"/>
                  </a:cubicBezTo>
                  <a:lnTo>
                    <a:pt x="1795698" y="155233"/>
                  </a:lnTo>
                  <a:cubicBezTo>
                    <a:pt x="1795706" y="155230"/>
                    <a:pt x="1796150" y="155110"/>
                    <a:pt x="1820967" y="148346"/>
                  </a:cubicBezTo>
                  <a:cubicBezTo>
                    <a:pt x="1820975" y="148346"/>
                    <a:pt x="1821390" y="148388"/>
                    <a:pt x="1843939" y="150641"/>
                  </a:cubicBezTo>
                  <a:cubicBezTo>
                    <a:pt x="1843942" y="150646"/>
                    <a:pt x="1844009" y="150726"/>
                    <a:pt x="1845374" y="152363"/>
                  </a:cubicBezTo>
                  <a:lnTo>
                    <a:pt x="1855425" y="164416"/>
                  </a:lnTo>
                  <a:cubicBezTo>
                    <a:pt x="1855427" y="164423"/>
                    <a:pt x="1855558" y="164948"/>
                    <a:pt x="1864613" y="201148"/>
                  </a:cubicBezTo>
                  <a:cubicBezTo>
                    <a:pt x="1864617" y="201151"/>
                    <a:pt x="1864669" y="201186"/>
                    <a:pt x="1865475" y="201722"/>
                  </a:cubicBezTo>
                  <a:lnTo>
                    <a:pt x="1871505" y="205740"/>
                  </a:lnTo>
                  <a:cubicBezTo>
                    <a:pt x="1871510" y="205741"/>
                    <a:pt x="1871582" y="205759"/>
                    <a:pt x="1872653" y="206027"/>
                  </a:cubicBezTo>
                  <a:lnTo>
                    <a:pt x="1880694" y="208036"/>
                  </a:lnTo>
                  <a:cubicBezTo>
                    <a:pt x="1880698" y="208032"/>
                    <a:pt x="1880778" y="207966"/>
                    <a:pt x="1882416" y="206601"/>
                  </a:cubicBezTo>
                  <a:lnTo>
                    <a:pt x="1894477" y="196557"/>
                  </a:lnTo>
                  <a:cubicBezTo>
                    <a:pt x="1894482" y="196557"/>
                    <a:pt x="1894582" y="196557"/>
                    <a:pt x="1896487" y="196557"/>
                  </a:cubicBezTo>
                  <a:lnTo>
                    <a:pt x="1910557" y="196557"/>
                  </a:lnTo>
                  <a:cubicBezTo>
                    <a:pt x="1910567" y="196561"/>
                    <a:pt x="1911037" y="196818"/>
                    <a:pt x="1935826" y="210331"/>
                  </a:cubicBezTo>
                  <a:cubicBezTo>
                    <a:pt x="1935835" y="210325"/>
                    <a:pt x="1936268" y="210023"/>
                    <a:pt x="1958798" y="194261"/>
                  </a:cubicBezTo>
                  <a:cubicBezTo>
                    <a:pt x="1958808" y="194260"/>
                    <a:pt x="1959351" y="194176"/>
                    <a:pt x="1988661" y="189670"/>
                  </a:cubicBezTo>
                  <a:cubicBezTo>
                    <a:pt x="1988666" y="189672"/>
                    <a:pt x="1988759" y="189712"/>
                    <a:pt x="1990671" y="190530"/>
                  </a:cubicBezTo>
                  <a:lnTo>
                    <a:pt x="2004741" y="196557"/>
                  </a:lnTo>
                  <a:cubicBezTo>
                    <a:pt x="2004747" y="196561"/>
                    <a:pt x="2004855" y="196656"/>
                    <a:pt x="2007038" y="198566"/>
                  </a:cubicBezTo>
                  <a:lnTo>
                    <a:pt x="2023119" y="212627"/>
                  </a:lnTo>
                  <a:cubicBezTo>
                    <a:pt x="2023122" y="212632"/>
                    <a:pt x="2023175" y="212703"/>
                    <a:pt x="2023980" y="213775"/>
                  </a:cubicBezTo>
                  <a:lnTo>
                    <a:pt x="2030010" y="221810"/>
                  </a:lnTo>
                  <a:cubicBezTo>
                    <a:pt x="2030020" y="221817"/>
                    <a:pt x="2030514" y="222188"/>
                    <a:pt x="2057577" y="242472"/>
                  </a:cubicBezTo>
                  <a:cubicBezTo>
                    <a:pt x="2057588" y="242477"/>
                    <a:pt x="2058130" y="242770"/>
                    <a:pt x="2087440" y="258543"/>
                  </a:cubicBezTo>
                  <a:cubicBezTo>
                    <a:pt x="2087449" y="258551"/>
                    <a:pt x="2087953" y="258971"/>
                    <a:pt x="2115006" y="281500"/>
                  </a:cubicBezTo>
                  <a:cubicBezTo>
                    <a:pt x="2115012" y="281501"/>
                    <a:pt x="2115121" y="281515"/>
                    <a:pt x="2117303" y="281787"/>
                  </a:cubicBezTo>
                  <a:lnTo>
                    <a:pt x="2133384" y="283796"/>
                  </a:lnTo>
                  <a:cubicBezTo>
                    <a:pt x="2133393" y="283793"/>
                    <a:pt x="2133905" y="283666"/>
                    <a:pt x="2160950" y="276909"/>
                  </a:cubicBezTo>
                  <a:cubicBezTo>
                    <a:pt x="2160959" y="276903"/>
                    <a:pt x="2161651" y="276513"/>
                    <a:pt x="2213785" y="247064"/>
                  </a:cubicBezTo>
                  <a:cubicBezTo>
                    <a:pt x="2213793" y="247064"/>
                    <a:pt x="2214468" y="247034"/>
                    <a:pt x="2266620" y="244768"/>
                  </a:cubicBezTo>
                  <a:cubicBezTo>
                    <a:pt x="2266633" y="244764"/>
                    <a:pt x="2267339" y="244503"/>
                    <a:pt x="2310266" y="228698"/>
                  </a:cubicBezTo>
                  <a:cubicBezTo>
                    <a:pt x="2310279" y="228697"/>
                    <a:pt x="2311314" y="228639"/>
                    <a:pt x="2392965" y="224106"/>
                  </a:cubicBezTo>
                  <a:cubicBezTo>
                    <a:pt x="2392973" y="224108"/>
                    <a:pt x="2393643" y="224224"/>
                    <a:pt x="2445800" y="233289"/>
                  </a:cubicBezTo>
                  <a:cubicBezTo>
                    <a:pt x="2445807" y="233303"/>
                    <a:pt x="2446392" y="234360"/>
                    <a:pt x="2494041" y="320528"/>
                  </a:cubicBezTo>
                  <a:cubicBezTo>
                    <a:pt x="2494048" y="320537"/>
                    <a:pt x="2494609" y="321216"/>
                    <a:pt x="2537687" y="373331"/>
                  </a:cubicBezTo>
                  <a:cubicBezTo>
                    <a:pt x="2537700" y="373331"/>
                    <a:pt x="2538359" y="373289"/>
                    <a:pt x="2574442" y="371035"/>
                  </a:cubicBezTo>
                  <a:cubicBezTo>
                    <a:pt x="2574454" y="371048"/>
                    <a:pt x="2575364" y="372043"/>
                    <a:pt x="2647952" y="451387"/>
                  </a:cubicBezTo>
                  <a:cubicBezTo>
                    <a:pt x="2647955" y="451397"/>
                    <a:pt x="2648246" y="452181"/>
                    <a:pt x="2670924" y="513373"/>
                  </a:cubicBezTo>
                  <a:cubicBezTo>
                    <a:pt x="2670941" y="513370"/>
                    <a:pt x="2672279" y="513172"/>
                    <a:pt x="2778891" y="497303"/>
                  </a:cubicBezTo>
                  <a:cubicBezTo>
                    <a:pt x="2778897" y="497314"/>
                    <a:pt x="2779485" y="498530"/>
                    <a:pt x="2843212" y="630457"/>
                  </a:cubicBezTo>
                  <a:cubicBezTo>
                    <a:pt x="2843207" y="630464"/>
                    <a:pt x="2842880" y="630790"/>
                    <a:pt x="2824024" y="649634"/>
                  </a:cubicBezTo>
                  <a:lnTo>
                    <a:pt x="2829243" y="654050"/>
                  </a:lnTo>
                  <a:lnTo>
                    <a:pt x="2810690" y="677904"/>
                  </a:lnTo>
                  <a:cubicBezTo>
                    <a:pt x="2812555" y="687847"/>
                    <a:pt x="2815967" y="706047"/>
                    <a:pt x="2822213" y="739357"/>
                  </a:cubicBezTo>
                  <a:cubicBezTo>
                    <a:pt x="2822202" y="739361"/>
                    <a:pt x="2821460" y="739666"/>
                    <a:pt x="2771728" y="760009"/>
                  </a:cubicBezTo>
                  <a:cubicBezTo>
                    <a:pt x="2771722" y="760017"/>
                    <a:pt x="2771339" y="760539"/>
                    <a:pt x="2746485" y="794428"/>
                  </a:cubicBezTo>
                  <a:cubicBezTo>
                    <a:pt x="2746489" y="794443"/>
                    <a:pt x="2746700" y="795203"/>
                    <a:pt x="2757959" y="835732"/>
                  </a:cubicBezTo>
                  <a:cubicBezTo>
                    <a:pt x="2757974" y="835743"/>
                    <a:pt x="2758745" y="836300"/>
                    <a:pt x="2799265" y="865563"/>
                  </a:cubicBezTo>
                  <a:cubicBezTo>
                    <a:pt x="2799268" y="865579"/>
                    <a:pt x="2799362" y="866337"/>
                    <a:pt x="2803855" y="902277"/>
                  </a:cubicBezTo>
                  <a:cubicBezTo>
                    <a:pt x="2803850" y="902288"/>
                    <a:pt x="2803538" y="903036"/>
                    <a:pt x="2780907" y="957349"/>
                  </a:cubicBezTo>
                  <a:cubicBezTo>
                    <a:pt x="2780918" y="957363"/>
                    <a:pt x="2781651" y="958287"/>
                    <a:pt x="2833687" y="1023894"/>
                  </a:cubicBezTo>
                  <a:cubicBezTo>
                    <a:pt x="2833680" y="1023903"/>
                    <a:pt x="2833150" y="1024527"/>
                    <a:pt x="2794676" y="1069788"/>
                  </a:cubicBezTo>
                  <a:cubicBezTo>
                    <a:pt x="2794683" y="1069805"/>
                    <a:pt x="2795063" y="1070691"/>
                    <a:pt x="2815329" y="1117975"/>
                  </a:cubicBezTo>
                  <a:cubicBezTo>
                    <a:pt x="2815328" y="1117988"/>
                    <a:pt x="2815235" y="1118942"/>
                    <a:pt x="2808444" y="1189110"/>
                  </a:cubicBezTo>
                  <a:cubicBezTo>
                    <a:pt x="2808442" y="1189116"/>
                    <a:pt x="2808397" y="1189236"/>
                    <a:pt x="2807584" y="1191405"/>
                  </a:cubicBezTo>
                  <a:lnTo>
                    <a:pt x="2801560" y="1207467"/>
                  </a:lnTo>
                  <a:cubicBezTo>
                    <a:pt x="2801543" y="1207467"/>
                    <a:pt x="2799881" y="1207491"/>
                    <a:pt x="2640924" y="1209762"/>
                  </a:cubicBezTo>
                  <a:cubicBezTo>
                    <a:pt x="2640913" y="1209771"/>
                    <a:pt x="2639814" y="1210712"/>
                    <a:pt x="2528479" y="1306137"/>
                  </a:cubicBezTo>
                  <a:cubicBezTo>
                    <a:pt x="2528483" y="1306150"/>
                    <a:pt x="2528731" y="1307083"/>
                    <a:pt x="2546837" y="1374977"/>
                  </a:cubicBezTo>
                  <a:cubicBezTo>
                    <a:pt x="2546835" y="1374988"/>
                    <a:pt x="2546686" y="1375793"/>
                    <a:pt x="2535363" y="1436933"/>
                  </a:cubicBezTo>
                  <a:cubicBezTo>
                    <a:pt x="2535359" y="1436940"/>
                    <a:pt x="2535006" y="1437389"/>
                    <a:pt x="2510120" y="1469058"/>
                  </a:cubicBezTo>
                  <a:cubicBezTo>
                    <a:pt x="2510104" y="1469057"/>
                    <a:pt x="2509247" y="1468971"/>
                    <a:pt x="2464224" y="1464469"/>
                  </a:cubicBezTo>
                  <a:cubicBezTo>
                    <a:pt x="2464226" y="1464459"/>
                    <a:pt x="2464345" y="1463748"/>
                    <a:pt x="2473403" y="1409397"/>
                  </a:cubicBezTo>
                  <a:cubicBezTo>
                    <a:pt x="2473392" y="1409395"/>
                    <a:pt x="2472839" y="1409303"/>
                    <a:pt x="2445866" y="1404808"/>
                  </a:cubicBezTo>
                  <a:cubicBezTo>
                    <a:pt x="2445872" y="1404794"/>
                    <a:pt x="2446194" y="1404151"/>
                    <a:pt x="2461929" y="1372683"/>
                  </a:cubicBezTo>
                  <a:cubicBezTo>
                    <a:pt x="2461921" y="1372672"/>
                    <a:pt x="2461513" y="1372128"/>
                    <a:pt x="2441276" y="1345147"/>
                  </a:cubicBezTo>
                  <a:cubicBezTo>
                    <a:pt x="2441263" y="1345147"/>
                    <a:pt x="2440492" y="1345147"/>
                    <a:pt x="2397675" y="1345147"/>
                  </a:cubicBezTo>
                  <a:cubicBezTo>
                    <a:pt x="2397678" y="1345157"/>
                    <a:pt x="2397858" y="1345845"/>
                    <a:pt x="2411444" y="1397924"/>
                  </a:cubicBezTo>
                  <a:cubicBezTo>
                    <a:pt x="2411431" y="1397939"/>
                    <a:pt x="2410559" y="1398973"/>
                    <a:pt x="2349484" y="1471353"/>
                  </a:cubicBezTo>
                  <a:cubicBezTo>
                    <a:pt x="2349472" y="1471351"/>
                    <a:pt x="2348793" y="1471231"/>
                    <a:pt x="2310472" y="1464469"/>
                  </a:cubicBezTo>
                  <a:cubicBezTo>
                    <a:pt x="2310465" y="1464479"/>
                    <a:pt x="2310083" y="1464955"/>
                    <a:pt x="2292114" y="1487416"/>
                  </a:cubicBezTo>
                  <a:cubicBezTo>
                    <a:pt x="2292119" y="1487429"/>
                    <a:pt x="2292399" y="1488364"/>
                    <a:pt x="2312767" y="1556255"/>
                  </a:cubicBezTo>
                  <a:cubicBezTo>
                    <a:pt x="2312760" y="1556269"/>
                    <a:pt x="2312396" y="1556952"/>
                    <a:pt x="2294409" y="1590675"/>
                  </a:cubicBezTo>
                  <a:cubicBezTo>
                    <a:pt x="2294402" y="1590665"/>
                    <a:pt x="2294005" y="1590110"/>
                    <a:pt x="2271461" y="1558550"/>
                  </a:cubicBezTo>
                  <a:cubicBezTo>
                    <a:pt x="2271450" y="1558550"/>
                    <a:pt x="2270657" y="1558519"/>
                    <a:pt x="2211796" y="1556255"/>
                  </a:cubicBezTo>
                  <a:cubicBezTo>
                    <a:pt x="2211778" y="1556246"/>
                    <a:pt x="2210519" y="1555585"/>
                    <a:pt x="2120004" y="1508067"/>
                  </a:cubicBezTo>
                  <a:lnTo>
                    <a:pt x="2115498" y="1505814"/>
                  </a:lnTo>
                  <a:lnTo>
                    <a:pt x="2115462" y="1505913"/>
                  </a:lnTo>
                  <a:lnTo>
                    <a:pt x="2119351" y="1507858"/>
                  </a:lnTo>
                  <a:lnTo>
                    <a:pt x="2039618" y="1537995"/>
                  </a:lnTo>
                  <a:lnTo>
                    <a:pt x="2027949" y="1583686"/>
                  </a:lnTo>
                  <a:lnTo>
                    <a:pt x="1999751" y="1581742"/>
                  </a:lnTo>
                  <a:lnTo>
                    <a:pt x="1982248" y="1604101"/>
                  </a:lnTo>
                  <a:lnTo>
                    <a:pt x="2036701" y="1654654"/>
                  </a:lnTo>
                  <a:lnTo>
                    <a:pt x="2025032" y="1682846"/>
                  </a:lnTo>
                  <a:lnTo>
                    <a:pt x="1970580" y="1701317"/>
                  </a:lnTo>
                  <a:lnTo>
                    <a:pt x="1977387" y="1735343"/>
                  </a:lnTo>
                  <a:lnTo>
                    <a:pt x="2018226" y="1762563"/>
                  </a:lnTo>
                  <a:lnTo>
                    <a:pt x="2009474" y="1785895"/>
                  </a:lnTo>
                  <a:lnTo>
                    <a:pt x="1963774" y="1799505"/>
                  </a:lnTo>
                  <a:lnTo>
                    <a:pt x="1940437" y="1781034"/>
                  </a:lnTo>
                  <a:lnTo>
                    <a:pt x="1913211" y="1817976"/>
                  </a:lnTo>
                  <a:lnTo>
                    <a:pt x="1928769" y="1868529"/>
                  </a:lnTo>
                  <a:lnTo>
                    <a:pt x="1864593" y="1900610"/>
                  </a:lnTo>
                  <a:lnTo>
                    <a:pt x="1744993" y="1871445"/>
                  </a:lnTo>
                  <a:lnTo>
                    <a:pt x="1682762" y="1900610"/>
                  </a:lnTo>
                  <a:lnTo>
                    <a:pt x="1675955" y="1921025"/>
                  </a:lnTo>
                  <a:lnTo>
                    <a:pt x="1701237" y="1946301"/>
                  </a:lnTo>
                  <a:lnTo>
                    <a:pt x="1678873" y="1976438"/>
                  </a:lnTo>
                  <a:lnTo>
                    <a:pt x="1628310" y="1962828"/>
                  </a:lnTo>
                  <a:lnTo>
                    <a:pt x="1604973" y="1925886"/>
                  </a:lnTo>
                  <a:lnTo>
                    <a:pt x="1635116" y="1878250"/>
                  </a:lnTo>
                  <a:lnTo>
                    <a:pt x="1616642" y="1861723"/>
                  </a:lnTo>
                  <a:lnTo>
                    <a:pt x="1547604" y="1871445"/>
                  </a:lnTo>
                  <a:lnTo>
                    <a:pt x="1501903" y="1813116"/>
                  </a:lnTo>
                  <a:lnTo>
                    <a:pt x="1382303" y="1792700"/>
                  </a:lnTo>
                  <a:lnTo>
                    <a:pt x="1357022" y="1829642"/>
                  </a:lnTo>
                  <a:lnTo>
                    <a:pt x="1304514" y="1834503"/>
                  </a:lnTo>
                  <a:lnTo>
                    <a:pt x="1287984" y="1806310"/>
                  </a:lnTo>
                  <a:lnTo>
                    <a:pt x="1232560" y="1848113"/>
                  </a:lnTo>
                  <a:lnTo>
                    <a:pt x="1205334" y="1850058"/>
                  </a:lnTo>
                  <a:lnTo>
                    <a:pt x="1191721" y="1827698"/>
                  </a:lnTo>
                  <a:lnTo>
                    <a:pt x="1191721" y="1795617"/>
                  </a:lnTo>
                  <a:lnTo>
                    <a:pt x="1156716" y="1765480"/>
                  </a:lnTo>
                  <a:lnTo>
                    <a:pt x="1083789" y="1748953"/>
                  </a:lnTo>
                  <a:lnTo>
                    <a:pt x="1097402" y="1701317"/>
                  </a:lnTo>
                  <a:lnTo>
                    <a:pt x="1065314" y="1673125"/>
                  </a:lnTo>
                  <a:lnTo>
                    <a:pt x="1038133" y="1666331"/>
                  </a:lnTo>
                  <a:lnTo>
                    <a:pt x="1010034" y="1719628"/>
                  </a:lnTo>
                  <a:lnTo>
                    <a:pt x="934208" y="1719628"/>
                  </a:lnTo>
                  <a:lnTo>
                    <a:pt x="893379" y="1795461"/>
                  </a:lnTo>
                  <a:lnTo>
                    <a:pt x="905045" y="1841154"/>
                  </a:lnTo>
                  <a:lnTo>
                    <a:pt x="849634" y="1891709"/>
                  </a:lnTo>
                  <a:lnTo>
                    <a:pt x="755338" y="1920875"/>
                  </a:lnTo>
                  <a:lnTo>
                    <a:pt x="628962" y="1829488"/>
                  </a:lnTo>
                  <a:lnTo>
                    <a:pt x="628962" y="1790599"/>
                  </a:lnTo>
                  <a:lnTo>
                    <a:pt x="652293" y="1774072"/>
                  </a:lnTo>
                  <a:lnTo>
                    <a:pt x="645488" y="1735184"/>
                  </a:lnTo>
                  <a:lnTo>
                    <a:pt x="546332" y="1744906"/>
                  </a:lnTo>
                  <a:lnTo>
                    <a:pt x="539527" y="1657407"/>
                  </a:lnTo>
                  <a:lnTo>
                    <a:pt x="519113" y="1632130"/>
                  </a:lnTo>
                  <a:lnTo>
                    <a:pt x="493838" y="1640880"/>
                  </a:lnTo>
                  <a:lnTo>
                    <a:pt x="477311" y="1593241"/>
                  </a:lnTo>
                  <a:lnTo>
                    <a:pt x="436482" y="1586436"/>
                  </a:lnTo>
                  <a:lnTo>
                    <a:pt x="330521" y="1647685"/>
                  </a:lnTo>
                  <a:lnTo>
                    <a:pt x="289692" y="1613658"/>
                  </a:lnTo>
                  <a:lnTo>
                    <a:pt x="337326" y="1583519"/>
                  </a:lnTo>
                  <a:lnTo>
                    <a:pt x="328577" y="1532965"/>
                  </a:lnTo>
                  <a:lnTo>
                    <a:pt x="300385" y="1496021"/>
                  </a:lnTo>
                  <a:lnTo>
                    <a:pt x="281915" y="1507687"/>
                  </a:lnTo>
                  <a:lnTo>
                    <a:pt x="271222" y="1542687"/>
                  </a:lnTo>
                  <a:lnTo>
                    <a:pt x="215811" y="1542687"/>
                  </a:lnTo>
                  <a:lnTo>
                    <a:pt x="165261" y="1549492"/>
                  </a:lnTo>
                  <a:lnTo>
                    <a:pt x="163316" y="1507687"/>
                  </a:lnTo>
                  <a:lnTo>
                    <a:pt x="146790" y="1500882"/>
                  </a:lnTo>
                  <a:lnTo>
                    <a:pt x="131236" y="1505743"/>
                  </a:lnTo>
                  <a:lnTo>
                    <a:pt x="119571" y="1576714"/>
                  </a:lnTo>
                  <a:lnTo>
                    <a:pt x="84575" y="1571853"/>
                  </a:lnTo>
                  <a:lnTo>
                    <a:pt x="34024" y="1597130"/>
                  </a:lnTo>
                  <a:lnTo>
                    <a:pt x="1944" y="1588380"/>
                  </a:lnTo>
                  <a:lnTo>
                    <a:pt x="13610" y="1546576"/>
                  </a:lnTo>
                  <a:lnTo>
                    <a:pt x="0" y="1489215"/>
                  </a:lnTo>
                  <a:lnTo>
                    <a:pt x="18470" y="1468799"/>
                  </a:lnTo>
                  <a:lnTo>
                    <a:pt x="23331" y="1443522"/>
                  </a:lnTo>
                  <a:lnTo>
                    <a:pt x="0" y="1436716"/>
                  </a:lnTo>
                  <a:lnTo>
                    <a:pt x="32080" y="1345329"/>
                  </a:lnTo>
                  <a:lnTo>
                    <a:pt x="43746" y="1345329"/>
                  </a:lnTo>
                  <a:lnTo>
                    <a:pt x="62216" y="1333662"/>
                  </a:lnTo>
                  <a:lnTo>
                    <a:pt x="69021" y="1269497"/>
                  </a:lnTo>
                  <a:lnTo>
                    <a:pt x="94296" y="1252969"/>
                  </a:lnTo>
                  <a:lnTo>
                    <a:pt x="176926" y="1170331"/>
                  </a:lnTo>
                  <a:lnTo>
                    <a:pt x="178870" y="1151860"/>
                  </a:lnTo>
                  <a:lnTo>
                    <a:pt x="133181" y="1153804"/>
                  </a:lnTo>
                  <a:lnTo>
                    <a:pt x="139986" y="1106166"/>
                  </a:lnTo>
                  <a:lnTo>
                    <a:pt x="172066" y="1082833"/>
                  </a:lnTo>
                  <a:lnTo>
                    <a:pt x="174010" y="1053667"/>
                  </a:lnTo>
                  <a:lnTo>
                    <a:pt x="185675" y="1035195"/>
                  </a:lnTo>
                  <a:lnTo>
                    <a:pt x="220672" y="1016723"/>
                  </a:lnTo>
                  <a:lnTo>
                    <a:pt x="318856" y="878669"/>
                  </a:lnTo>
                  <a:lnTo>
                    <a:pt x="321772" y="832976"/>
                  </a:lnTo>
                  <a:lnTo>
                    <a:pt x="389821" y="759088"/>
                  </a:lnTo>
                  <a:lnTo>
                    <a:pt x="415096" y="757143"/>
                  </a:lnTo>
                  <a:lnTo>
                    <a:pt x="445231" y="736727"/>
                  </a:lnTo>
                  <a:lnTo>
                    <a:pt x="458841" y="688117"/>
                  </a:lnTo>
                  <a:lnTo>
                    <a:pt x="465646" y="625896"/>
                  </a:lnTo>
                  <a:lnTo>
                    <a:pt x="484116" y="578257"/>
                  </a:lnTo>
                  <a:lnTo>
                    <a:pt x="566747" y="545202"/>
                  </a:lnTo>
                  <a:lnTo>
                    <a:pt x="606604" y="511175"/>
                  </a:lnTo>
                  <a:lnTo>
                    <a:pt x="606731" y="511239"/>
                  </a:lnTo>
                  <a:lnTo>
                    <a:pt x="667659" y="408819"/>
                  </a:lnTo>
                  <a:lnTo>
                    <a:pt x="725005" y="351526"/>
                  </a:lnTo>
                  <a:lnTo>
                    <a:pt x="778463" y="373861"/>
                  </a:lnTo>
                  <a:lnTo>
                    <a:pt x="794014" y="365121"/>
                  </a:lnTo>
                  <a:lnTo>
                    <a:pt x="798874" y="337932"/>
                  </a:lnTo>
                  <a:lnTo>
                    <a:pt x="819286" y="319481"/>
                  </a:lnTo>
                  <a:lnTo>
                    <a:pt x="847473" y="319481"/>
                  </a:lnTo>
                  <a:lnTo>
                    <a:pt x="864968" y="326279"/>
                  </a:lnTo>
                  <a:lnTo>
                    <a:pt x="952445" y="333076"/>
                  </a:lnTo>
                  <a:lnTo>
                    <a:pt x="998127" y="298118"/>
                  </a:lnTo>
                  <a:lnTo>
                    <a:pt x="1046725" y="298118"/>
                  </a:lnTo>
                  <a:lnTo>
                    <a:pt x="1056445" y="227230"/>
                  </a:lnTo>
                  <a:lnTo>
                    <a:pt x="1076856" y="186445"/>
                  </a:lnTo>
                  <a:lnTo>
                    <a:pt x="1134202" y="158284"/>
                  </a:lnTo>
                  <a:lnTo>
                    <a:pt x="1154614" y="133036"/>
                  </a:lnTo>
                  <a:lnTo>
                    <a:pt x="1179885" y="89338"/>
                  </a:lnTo>
                  <a:lnTo>
                    <a:pt x="1255698" y="124297"/>
                  </a:lnTo>
                  <a:lnTo>
                    <a:pt x="1343175" y="4855"/>
                  </a:lnTo>
                  <a:lnTo>
                    <a:pt x="1368446" y="13595"/>
                  </a:lnTo>
                  <a:close/>
                </a:path>
              </a:pathLst>
            </a:custGeom>
            <a:solidFill>
              <a:srgbClr val="FF9933"/>
            </a:solidFill>
            <a:ln w="6350" algn="ctr">
              <a:solidFill>
                <a:schemeClr val="bg1">
                  <a:lumMod val="50000"/>
                </a:schemeClr>
              </a:solidFill>
              <a:miter lim="800000"/>
              <a:headEnd/>
              <a:tailEnd/>
            </a:ln>
            <a:effectLst/>
          </p:spPr>
          <p:txBody>
            <a:bodyPr wrap="none" lIns="360000" anchor="ctr"/>
            <a:lstStyle/>
            <a:p>
              <a:pPr defTabSz="981334" fontAlgn="ctr"/>
              <a:endParaRPr lang="en-US" sz="1000" i="1" kern="0" dirty="0">
                <a:solidFill>
                  <a:prstClr val="black"/>
                </a:solidFill>
                <a:latin typeface="Verdana"/>
              </a:endParaRPr>
            </a:p>
          </p:txBody>
        </p:sp>
        <p:sp>
          <p:nvSpPr>
            <p:cNvPr id="48" name="TextBox 47"/>
            <p:cNvSpPr txBox="1"/>
            <p:nvPr/>
          </p:nvSpPr>
          <p:spPr>
            <a:xfrm>
              <a:off x="2980457" y="2977402"/>
              <a:ext cx="1017560" cy="354006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algn="ctr"/>
              <a:r>
                <a:rPr lang="en-US" sz="1000" b="1" dirty="0" smtClean="0"/>
                <a:t>Nord-</a:t>
              </a:r>
              <a:r>
                <a:rPr lang="en-US" sz="1000" b="1" dirty="0" err="1" smtClean="0"/>
                <a:t>Est</a:t>
              </a:r>
              <a:endParaRPr lang="en-US" sz="1000" b="1" dirty="0" smtClean="0"/>
            </a:p>
          </p:txBody>
        </p:sp>
        <p:sp>
          <p:nvSpPr>
            <p:cNvPr id="49" name="TextBox 48"/>
            <p:cNvSpPr txBox="1"/>
            <p:nvPr/>
          </p:nvSpPr>
          <p:spPr>
            <a:xfrm>
              <a:off x="1331425" y="2843527"/>
              <a:ext cx="1017560" cy="354006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algn="ctr"/>
              <a:r>
                <a:rPr lang="en-US" sz="1000" b="1" dirty="0" smtClean="0"/>
                <a:t>Nord-Vest</a:t>
              </a:r>
            </a:p>
          </p:txBody>
        </p:sp>
        <p:sp>
          <p:nvSpPr>
            <p:cNvPr id="50" name="TextBox 49"/>
            <p:cNvSpPr txBox="1"/>
            <p:nvPr/>
          </p:nvSpPr>
          <p:spPr>
            <a:xfrm>
              <a:off x="3418603" y="4433803"/>
              <a:ext cx="1017560" cy="354006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algn="ctr"/>
              <a:r>
                <a:rPr lang="en-US" sz="1000" b="1" dirty="0" err="1" smtClean="0"/>
                <a:t>Sud-Est</a:t>
              </a:r>
              <a:endParaRPr lang="en-US" sz="1000" b="1" dirty="0" smtClean="0"/>
            </a:p>
          </p:txBody>
        </p:sp>
        <p:sp>
          <p:nvSpPr>
            <p:cNvPr id="51" name="TextBox 50"/>
            <p:cNvSpPr txBox="1"/>
            <p:nvPr/>
          </p:nvSpPr>
          <p:spPr>
            <a:xfrm>
              <a:off x="2021797" y="3699427"/>
              <a:ext cx="1017560" cy="354006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algn="ctr"/>
              <a:r>
                <a:rPr lang="en-US" sz="1000" b="1" dirty="0" err="1"/>
                <a:t>Centru</a:t>
              </a:r>
              <a:endParaRPr lang="en-US" sz="1000" b="1" dirty="0"/>
            </a:p>
          </p:txBody>
        </p:sp>
        <p:sp>
          <p:nvSpPr>
            <p:cNvPr id="52" name="TextBox 51"/>
            <p:cNvSpPr txBox="1"/>
            <p:nvPr/>
          </p:nvSpPr>
          <p:spPr>
            <a:xfrm>
              <a:off x="612262" y="3851828"/>
              <a:ext cx="1017560" cy="354006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algn="ctr"/>
              <a:r>
                <a:rPr lang="en-US" sz="1000" b="1" dirty="0"/>
                <a:t>Vest</a:t>
              </a:r>
            </a:p>
          </p:txBody>
        </p:sp>
        <p:sp>
          <p:nvSpPr>
            <p:cNvPr id="53" name="TextBox 52"/>
            <p:cNvSpPr txBox="1"/>
            <p:nvPr/>
          </p:nvSpPr>
          <p:spPr>
            <a:xfrm>
              <a:off x="1404940" y="4579014"/>
              <a:ext cx="1017560" cy="553135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algn="ctr"/>
              <a:r>
                <a:rPr lang="en-US" sz="950" b="1" dirty="0" err="1"/>
                <a:t>Sud</a:t>
              </a:r>
              <a:r>
                <a:rPr lang="en-US" sz="950" b="1" dirty="0"/>
                <a:t>-Vest </a:t>
              </a:r>
              <a:r>
                <a:rPr lang="en-US" sz="950" b="1" dirty="0" err="1"/>
                <a:t>Oltenia</a:t>
              </a:r>
              <a:endParaRPr lang="en-US" sz="950" b="1" dirty="0"/>
            </a:p>
          </p:txBody>
        </p:sp>
        <p:sp>
          <p:nvSpPr>
            <p:cNvPr id="54" name="Oval 56"/>
            <p:cNvSpPr>
              <a:spLocks noChangeArrowheads="1"/>
            </p:cNvSpPr>
            <p:nvPr/>
          </p:nvSpPr>
          <p:spPr bwMode="gray">
            <a:xfrm rot="240395">
              <a:off x="3080560" y="5002673"/>
              <a:ext cx="74936" cy="90845"/>
            </a:xfrm>
            <a:prstGeom prst="ellipse">
              <a:avLst/>
            </a:prstGeom>
            <a:solidFill>
              <a:srgbClr val="333333"/>
            </a:solidFill>
            <a:ln w="3175">
              <a:noFill/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55" name="Oval 58"/>
            <p:cNvSpPr>
              <a:spLocks noChangeArrowheads="1"/>
            </p:cNvSpPr>
            <p:nvPr/>
          </p:nvSpPr>
          <p:spPr bwMode="gray">
            <a:xfrm rot="240395">
              <a:off x="3064384" y="4662751"/>
              <a:ext cx="41161" cy="4990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56" name="Oval 60"/>
            <p:cNvSpPr>
              <a:spLocks noChangeArrowheads="1"/>
            </p:cNvSpPr>
            <p:nvPr/>
          </p:nvSpPr>
          <p:spPr bwMode="gray">
            <a:xfrm rot="240395">
              <a:off x="2816525" y="4120392"/>
              <a:ext cx="41162" cy="4990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57" name="Oval 61"/>
            <p:cNvSpPr>
              <a:spLocks noChangeArrowheads="1"/>
            </p:cNvSpPr>
            <p:nvPr/>
          </p:nvSpPr>
          <p:spPr bwMode="gray">
            <a:xfrm rot="240395">
              <a:off x="3971206" y="4346389"/>
              <a:ext cx="42218" cy="49901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58" name="Oval 63"/>
            <p:cNvSpPr>
              <a:spLocks noChangeArrowheads="1"/>
            </p:cNvSpPr>
            <p:nvPr/>
          </p:nvSpPr>
          <p:spPr bwMode="gray">
            <a:xfrm rot="240395">
              <a:off x="4006976" y="4216986"/>
              <a:ext cx="41161" cy="4990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59" name="Oval 66"/>
            <p:cNvSpPr>
              <a:spLocks noChangeArrowheads="1"/>
            </p:cNvSpPr>
            <p:nvPr/>
          </p:nvSpPr>
          <p:spPr bwMode="gray">
            <a:xfrm rot="240395">
              <a:off x="4306098" y="4469560"/>
              <a:ext cx="41161" cy="5118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60" name="Oval 67"/>
            <p:cNvSpPr>
              <a:spLocks noChangeArrowheads="1"/>
            </p:cNvSpPr>
            <p:nvPr/>
          </p:nvSpPr>
          <p:spPr bwMode="gray">
            <a:xfrm rot="240395">
              <a:off x="4303929" y="5133798"/>
              <a:ext cx="41161" cy="49901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61" name="Oval 70"/>
            <p:cNvSpPr>
              <a:spLocks noChangeArrowheads="1"/>
            </p:cNvSpPr>
            <p:nvPr/>
          </p:nvSpPr>
          <p:spPr bwMode="gray">
            <a:xfrm rot="240395">
              <a:off x="2989940" y="5376610"/>
              <a:ext cx="41162" cy="5118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62" name="Oval 71"/>
            <p:cNvSpPr>
              <a:spLocks noChangeArrowheads="1"/>
            </p:cNvSpPr>
            <p:nvPr/>
          </p:nvSpPr>
          <p:spPr bwMode="gray">
            <a:xfrm rot="240395">
              <a:off x="1984453" y="5154401"/>
              <a:ext cx="41162" cy="5118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63" name="Oval 73"/>
            <p:cNvSpPr>
              <a:spLocks noChangeArrowheads="1"/>
            </p:cNvSpPr>
            <p:nvPr/>
          </p:nvSpPr>
          <p:spPr bwMode="gray">
            <a:xfrm rot="240395">
              <a:off x="2478021" y="4731856"/>
              <a:ext cx="41161" cy="5118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64" name="Oval 76"/>
            <p:cNvSpPr>
              <a:spLocks noChangeArrowheads="1"/>
            </p:cNvSpPr>
            <p:nvPr/>
          </p:nvSpPr>
          <p:spPr bwMode="gray">
            <a:xfrm rot="240395">
              <a:off x="3459912" y="3422088"/>
              <a:ext cx="42218" cy="5118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65" name="Oval 78"/>
            <p:cNvSpPr>
              <a:spLocks noChangeArrowheads="1"/>
            </p:cNvSpPr>
            <p:nvPr/>
          </p:nvSpPr>
          <p:spPr bwMode="gray">
            <a:xfrm rot="240395">
              <a:off x="3750524" y="2980102"/>
              <a:ext cx="42218" cy="5118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66" name="Oval 80"/>
            <p:cNvSpPr>
              <a:spLocks noChangeArrowheads="1"/>
            </p:cNvSpPr>
            <p:nvPr/>
          </p:nvSpPr>
          <p:spPr bwMode="gray">
            <a:xfrm rot="240395">
              <a:off x="2169480" y="4029677"/>
              <a:ext cx="42218" cy="5118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67" name="Oval 84"/>
            <p:cNvSpPr>
              <a:spLocks noChangeArrowheads="1"/>
            </p:cNvSpPr>
            <p:nvPr/>
          </p:nvSpPr>
          <p:spPr bwMode="gray">
            <a:xfrm rot="240395">
              <a:off x="1914931" y="3311040"/>
              <a:ext cx="41161" cy="49901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68" name="Oval 86"/>
            <p:cNvSpPr>
              <a:spLocks noChangeArrowheads="1"/>
            </p:cNvSpPr>
            <p:nvPr/>
          </p:nvSpPr>
          <p:spPr bwMode="gray">
            <a:xfrm rot="240395">
              <a:off x="1105950" y="3105232"/>
              <a:ext cx="41162" cy="5118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69" name="Oval 88"/>
            <p:cNvSpPr>
              <a:spLocks noChangeArrowheads="1"/>
            </p:cNvSpPr>
            <p:nvPr/>
          </p:nvSpPr>
          <p:spPr bwMode="gray">
            <a:xfrm rot="240395">
              <a:off x="811748" y="3720098"/>
              <a:ext cx="41161" cy="4990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70" name="Text Box 55"/>
            <p:cNvSpPr txBox="1">
              <a:spLocks noChangeArrowheads="1"/>
            </p:cNvSpPr>
            <p:nvPr/>
          </p:nvSpPr>
          <p:spPr bwMode="gray">
            <a:xfrm rot="21599294">
              <a:off x="3156038" y="4813000"/>
              <a:ext cx="618271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Bucharest</a:t>
              </a:r>
              <a:endParaRPr lang="en-US" sz="800" dirty="0"/>
            </a:p>
          </p:txBody>
        </p:sp>
        <p:sp>
          <p:nvSpPr>
            <p:cNvPr id="71" name="Text Box 57"/>
            <p:cNvSpPr txBox="1">
              <a:spLocks noChangeArrowheads="1"/>
            </p:cNvSpPr>
            <p:nvPr/>
          </p:nvSpPr>
          <p:spPr bwMode="gray">
            <a:xfrm rot="21599294">
              <a:off x="3120243" y="4546191"/>
              <a:ext cx="471216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Ploieşti</a:t>
              </a:r>
              <a:endParaRPr lang="en-US" sz="800" dirty="0"/>
            </a:p>
          </p:txBody>
        </p:sp>
        <p:sp>
          <p:nvSpPr>
            <p:cNvPr id="72" name="Text Box 59"/>
            <p:cNvSpPr txBox="1">
              <a:spLocks noChangeArrowheads="1"/>
            </p:cNvSpPr>
            <p:nvPr/>
          </p:nvSpPr>
          <p:spPr bwMode="gray">
            <a:xfrm rot="21599294">
              <a:off x="2753928" y="3881256"/>
              <a:ext cx="458814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Braşov</a:t>
              </a:r>
              <a:endParaRPr lang="en-US" sz="800" dirty="0"/>
            </a:p>
          </p:txBody>
        </p:sp>
        <p:sp>
          <p:nvSpPr>
            <p:cNvPr id="73" name="Text Box 62"/>
            <p:cNvSpPr txBox="1">
              <a:spLocks noChangeArrowheads="1"/>
            </p:cNvSpPr>
            <p:nvPr/>
          </p:nvSpPr>
          <p:spPr bwMode="gray">
            <a:xfrm rot="21599294">
              <a:off x="3578918" y="4165468"/>
              <a:ext cx="395031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Brăila</a:t>
              </a:r>
              <a:endParaRPr lang="en-US" sz="800" dirty="0"/>
            </a:p>
          </p:txBody>
        </p:sp>
        <p:sp>
          <p:nvSpPr>
            <p:cNvPr id="74" name="Text Box 64"/>
            <p:cNvSpPr txBox="1">
              <a:spLocks noChangeArrowheads="1"/>
            </p:cNvSpPr>
            <p:nvPr/>
          </p:nvSpPr>
          <p:spPr bwMode="gray">
            <a:xfrm rot="21599294">
              <a:off x="3727617" y="3978651"/>
              <a:ext cx="402118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Galaţi</a:t>
              </a:r>
              <a:endParaRPr lang="en-US" sz="800"/>
            </a:p>
          </p:txBody>
        </p:sp>
        <p:sp>
          <p:nvSpPr>
            <p:cNvPr id="75" name="Text Box 65"/>
            <p:cNvSpPr txBox="1">
              <a:spLocks noChangeArrowheads="1"/>
            </p:cNvSpPr>
            <p:nvPr/>
          </p:nvSpPr>
          <p:spPr bwMode="gray">
            <a:xfrm rot="21599294">
              <a:off x="4310499" y="4365810"/>
              <a:ext cx="446411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Tulcea</a:t>
              </a:r>
              <a:endParaRPr lang="en-US" sz="800"/>
            </a:p>
          </p:txBody>
        </p:sp>
        <p:sp>
          <p:nvSpPr>
            <p:cNvPr id="76" name="Text Box 68"/>
            <p:cNvSpPr txBox="1">
              <a:spLocks noChangeArrowheads="1"/>
            </p:cNvSpPr>
            <p:nvPr/>
          </p:nvSpPr>
          <p:spPr bwMode="gray">
            <a:xfrm rot="21599294">
              <a:off x="3911043" y="4861441"/>
              <a:ext cx="625358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Constanţa</a:t>
              </a:r>
              <a:endParaRPr lang="en-US" sz="800"/>
            </a:p>
          </p:txBody>
        </p:sp>
        <p:sp>
          <p:nvSpPr>
            <p:cNvPr id="77" name="Text Box 69"/>
            <p:cNvSpPr txBox="1">
              <a:spLocks noChangeArrowheads="1"/>
            </p:cNvSpPr>
            <p:nvPr/>
          </p:nvSpPr>
          <p:spPr bwMode="gray">
            <a:xfrm rot="21599294">
              <a:off x="2654564" y="5171851"/>
              <a:ext cx="471216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Giurgiu</a:t>
              </a:r>
              <a:endParaRPr lang="en-US" sz="800" dirty="0"/>
            </a:p>
          </p:txBody>
        </p:sp>
        <p:sp>
          <p:nvSpPr>
            <p:cNvPr id="78" name="Text Box 72"/>
            <p:cNvSpPr txBox="1">
              <a:spLocks noChangeArrowheads="1"/>
            </p:cNvSpPr>
            <p:nvPr/>
          </p:nvSpPr>
          <p:spPr bwMode="gray">
            <a:xfrm rot="21599294">
              <a:off x="1791748" y="5147151"/>
              <a:ext cx="496020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Craiova</a:t>
              </a:r>
              <a:endParaRPr lang="en-US" sz="800" dirty="0"/>
            </a:p>
          </p:txBody>
        </p:sp>
        <p:sp>
          <p:nvSpPr>
            <p:cNvPr id="79" name="Text Box 74"/>
            <p:cNvSpPr txBox="1">
              <a:spLocks noChangeArrowheads="1"/>
            </p:cNvSpPr>
            <p:nvPr/>
          </p:nvSpPr>
          <p:spPr bwMode="gray">
            <a:xfrm rot="21599294">
              <a:off x="2228542" y="4732067"/>
              <a:ext cx="414520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Piteşti</a:t>
              </a:r>
              <a:endParaRPr lang="en-US" sz="800" dirty="0"/>
            </a:p>
          </p:txBody>
        </p:sp>
        <p:sp>
          <p:nvSpPr>
            <p:cNvPr id="80" name="Text Box 75"/>
            <p:cNvSpPr txBox="1">
              <a:spLocks noChangeArrowheads="1"/>
            </p:cNvSpPr>
            <p:nvPr/>
          </p:nvSpPr>
          <p:spPr bwMode="gray">
            <a:xfrm rot="21599294">
              <a:off x="3289929" y="3413206"/>
              <a:ext cx="428694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Bacău</a:t>
              </a:r>
              <a:endParaRPr lang="en-US" sz="800"/>
            </a:p>
          </p:txBody>
        </p:sp>
        <p:sp>
          <p:nvSpPr>
            <p:cNvPr id="81" name="Text Box 77"/>
            <p:cNvSpPr txBox="1">
              <a:spLocks noChangeArrowheads="1"/>
            </p:cNvSpPr>
            <p:nvPr/>
          </p:nvSpPr>
          <p:spPr bwMode="gray">
            <a:xfrm rot="21599294">
              <a:off x="3384125" y="2779844"/>
              <a:ext cx="313529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Laşi</a:t>
              </a:r>
              <a:endParaRPr lang="en-US" sz="800" dirty="0"/>
            </a:p>
          </p:txBody>
        </p:sp>
        <p:sp>
          <p:nvSpPr>
            <p:cNvPr id="82" name="Text Box 79"/>
            <p:cNvSpPr txBox="1">
              <a:spLocks noChangeArrowheads="1"/>
            </p:cNvSpPr>
            <p:nvPr/>
          </p:nvSpPr>
          <p:spPr bwMode="gray">
            <a:xfrm rot="21599294">
              <a:off x="1873991" y="3809166"/>
              <a:ext cx="357824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Sibiu</a:t>
              </a:r>
              <a:endParaRPr lang="en-US" sz="800" dirty="0"/>
            </a:p>
          </p:txBody>
        </p:sp>
        <p:sp>
          <p:nvSpPr>
            <p:cNvPr id="83" name="Text Box 85"/>
            <p:cNvSpPr txBox="1">
              <a:spLocks noChangeArrowheads="1"/>
            </p:cNvSpPr>
            <p:nvPr/>
          </p:nvSpPr>
          <p:spPr bwMode="gray">
            <a:xfrm rot="21599294">
              <a:off x="1122611" y="3040952"/>
              <a:ext cx="564658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lIns="46800" tIns="46800" rIns="46800" bIns="46800">
              <a:spAutoFit/>
            </a:bodyPr>
            <a:lstStyle/>
            <a:p>
              <a:r>
                <a:rPr lang="en-US" sz="800" smtClean="0"/>
                <a:t>Oradea</a:t>
              </a:r>
              <a:endParaRPr lang="en-US" sz="800" dirty="0"/>
            </a:p>
          </p:txBody>
        </p:sp>
        <p:sp>
          <p:nvSpPr>
            <p:cNvPr id="84" name="Text Box 87"/>
            <p:cNvSpPr txBox="1">
              <a:spLocks noChangeArrowheads="1"/>
            </p:cNvSpPr>
            <p:nvPr/>
          </p:nvSpPr>
          <p:spPr bwMode="gray">
            <a:xfrm rot="21599294">
              <a:off x="840944" y="3559312"/>
              <a:ext cx="345421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Arad</a:t>
              </a:r>
              <a:endParaRPr lang="en-US" sz="800" dirty="0"/>
            </a:p>
          </p:txBody>
        </p:sp>
        <p:sp>
          <p:nvSpPr>
            <p:cNvPr id="85" name="Text Box 89"/>
            <p:cNvSpPr txBox="1">
              <a:spLocks noChangeArrowheads="1"/>
            </p:cNvSpPr>
            <p:nvPr/>
          </p:nvSpPr>
          <p:spPr bwMode="gray">
            <a:xfrm rot="21599294">
              <a:off x="650948" y="4040706"/>
              <a:ext cx="602325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none" lIns="46800" tIns="46800" rIns="46800" bIns="46800">
              <a:spAutoFit/>
            </a:bodyPr>
            <a:lstStyle/>
            <a:p>
              <a:r>
                <a:rPr lang="en-US" sz="800" smtClean="0"/>
                <a:t>Timişoara</a:t>
              </a:r>
              <a:endParaRPr lang="en-US" sz="800" dirty="0"/>
            </a:p>
          </p:txBody>
        </p:sp>
        <p:sp>
          <p:nvSpPr>
            <p:cNvPr id="86" name="Oval 90"/>
            <p:cNvSpPr>
              <a:spLocks noChangeArrowheads="1"/>
            </p:cNvSpPr>
            <p:nvPr/>
          </p:nvSpPr>
          <p:spPr bwMode="gray">
            <a:xfrm rot="240395">
              <a:off x="745101" y="4001006"/>
              <a:ext cx="41161" cy="51180"/>
            </a:xfrm>
            <a:prstGeom prst="ellipse">
              <a:avLst/>
            </a:prstGeom>
            <a:solidFill>
              <a:srgbClr val="333333"/>
            </a:solidFill>
            <a:ln w="3175">
              <a:solidFill>
                <a:schemeClr val="tx1"/>
              </a:solidFill>
              <a:round/>
              <a:headEnd/>
              <a:tailEnd/>
            </a:ln>
            <a:effectLst/>
          </p:spPr>
          <p:txBody>
            <a:bodyPr wrap="none" lIns="46800" tIns="46800" rIns="46800" bIns="46800" anchor="ctr"/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87" name="TextBox 86"/>
            <p:cNvSpPr txBox="1"/>
            <p:nvPr/>
          </p:nvSpPr>
          <p:spPr>
            <a:xfrm>
              <a:off x="2399256" y="4464108"/>
              <a:ext cx="789701" cy="553135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>
              <a:defPPr>
                <a:defRPr lang="en-US"/>
              </a:defPPr>
              <a:lvl1pPr algn="ctr">
                <a:defRPr sz="1000" b="1"/>
              </a:lvl1pPr>
            </a:lstStyle>
            <a:p>
              <a:r>
                <a:rPr lang="en-US" sz="950" smtClean="0"/>
                <a:t>Sud-Muntenia</a:t>
              </a:r>
              <a:endParaRPr lang="en-US" sz="950" dirty="0"/>
            </a:p>
          </p:txBody>
        </p:sp>
        <p:cxnSp>
          <p:nvCxnSpPr>
            <p:cNvPr id="88" name="Straight Arrow Connector 87"/>
            <p:cNvCxnSpPr/>
            <p:nvPr/>
          </p:nvCxnSpPr>
          <p:spPr>
            <a:xfrm>
              <a:off x="3183870" y="5096025"/>
              <a:ext cx="207362" cy="319681"/>
            </a:xfrm>
            <a:prstGeom prst="straightConnector1">
              <a:avLst/>
            </a:prstGeom>
            <a:ln w="19050">
              <a:solidFill>
                <a:srgbClr val="080808"/>
              </a:solidFill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89" name="TextBox 88"/>
            <p:cNvSpPr txBox="1"/>
            <p:nvPr/>
          </p:nvSpPr>
          <p:spPr>
            <a:xfrm>
              <a:off x="438773" y="6025387"/>
              <a:ext cx="2871547" cy="354006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r>
                <a:rPr lang="en-US" sz="1000" u="sng" dirty="0" smtClean="0">
                  <a:solidFill>
                    <a:schemeClr val="accent6"/>
                  </a:solidFill>
                </a:rPr>
                <a:t>Country average</a:t>
              </a:r>
              <a:r>
                <a:rPr lang="en-US" sz="1000" u="sng" smtClean="0">
                  <a:solidFill>
                    <a:schemeClr val="accent6"/>
                  </a:solidFill>
                </a:rPr>
                <a:t>: €8.6K (RON 38K</a:t>
              </a:r>
              <a:r>
                <a:rPr lang="en-US" sz="1000" u="sng" dirty="0" smtClean="0">
                  <a:solidFill>
                    <a:schemeClr val="accent6"/>
                  </a:solidFill>
                </a:rPr>
                <a:t>)</a:t>
              </a:r>
              <a:endParaRPr lang="en-US" sz="1000" u="sng" baseline="30000" dirty="0" smtClean="0">
                <a:solidFill>
                  <a:schemeClr val="accent6"/>
                </a:solidFill>
              </a:endParaRPr>
            </a:p>
          </p:txBody>
        </p:sp>
        <p:sp>
          <p:nvSpPr>
            <p:cNvPr id="90" name="Text Box 83"/>
            <p:cNvSpPr txBox="1">
              <a:spLocks noChangeArrowheads="1"/>
            </p:cNvSpPr>
            <p:nvPr/>
          </p:nvSpPr>
          <p:spPr bwMode="gray">
            <a:xfrm rot="21599294">
              <a:off x="1764923" y="3065864"/>
              <a:ext cx="804335" cy="312892"/>
            </a:xfrm>
            <a:prstGeom prst="rect">
              <a:avLst/>
            </a:prstGeom>
            <a:noFill/>
            <a:ln w="19050">
              <a:noFill/>
              <a:miter lim="800000"/>
              <a:headEnd/>
              <a:tailEnd/>
            </a:ln>
            <a:effectLst/>
          </p:spPr>
          <p:txBody>
            <a:bodyPr wrap="square" lIns="46800" tIns="46800" rIns="46800" bIns="46800">
              <a:spAutoFit/>
            </a:bodyPr>
            <a:lstStyle/>
            <a:p>
              <a:r>
                <a:rPr lang="en-US" sz="800" smtClean="0"/>
                <a:t>Cluj-Napoca</a:t>
              </a:r>
              <a:endParaRPr lang="en-US" sz="800" dirty="0"/>
            </a:p>
          </p:txBody>
        </p:sp>
        <p:sp>
          <p:nvSpPr>
            <p:cNvPr id="91" name="TextBox 90"/>
            <p:cNvSpPr txBox="1"/>
            <p:nvPr/>
          </p:nvSpPr>
          <p:spPr>
            <a:xfrm>
              <a:off x="3164579" y="5411839"/>
              <a:ext cx="1017560" cy="575261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algn="ctr"/>
              <a:r>
                <a:rPr lang="en-US" sz="1000" b="1" dirty="0" err="1"/>
                <a:t>Bucureşti</a:t>
              </a:r>
              <a:r>
                <a:rPr lang="en-US" sz="1000" b="1" dirty="0"/>
                <a:t> </a:t>
              </a:r>
              <a:r>
                <a:rPr lang="en-US" sz="1000" b="1" dirty="0" smtClean="0"/>
                <a:t/>
              </a:r>
              <a:br>
                <a:rPr lang="en-US" sz="1000" b="1" dirty="0" smtClean="0"/>
              </a:br>
              <a:r>
                <a:rPr lang="en-US" sz="1000" b="1" dirty="0" smtClean="0"/>
                <a:t>– </a:t>
              </a:r>
              <a:r>
                <a:rPr lang="en-US" sz="1000" b="1" dirty="0" err="1"/>
                <a:t>Ilfov</a:t>
              </a:r>
              <a:endParaRPr lang="en-US" sz="1000" b="1" dirty="0"/>
            </a:p>
          </p:txBody>
        </p:sp>
      </p:grpSp>
      <p:sp>
        <p:nvSpPr>
          <p:cNvPr id="93" name="TextBox 92"/>
          <p:cNvSpPr txBox="1"/>
          <p:nvPr/>
        </p:nvSpPr>
        <p:spPr>
          <a:xfrm>
            <a:off x="481293" y="819151"/>
            <a:ext cx="2642909" cy="461665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200" b="1" dirty="0" smtClean="0">
                <a:solidFill>
                  <a:schemeClr val="accent6"/>
                </a:solidFill>
              </a:rPr>
              <a:t>Current GDP per capita by region</a:t>
            </a:r>
            <a:br>
              <a:rPr lang="en-US" sz="1200" b="1" dirty="0" smtClean="0">
                <a:solidFill>
                  <a:schemeClr val="accent6"/>
                </a:solidFill>
              </a:rPr>
            </a:br>
            <a:r>
              <a:rPr lang="en-US" sz="1200" dirty="0" smtClean="0">
                <a:solidFill>
                  <a:schemeClr val="accent6"/>
                </a:solidFill>
              </a:rPr>
              <a:t>(€B</a:t>
            </a:r>
            <a:r>
              <a:rPr lang="en-US" sz="1200" smtClean="0">
                <a:solidFill>
                  <a:schemeClr val="accent6"/>
                </a:solidFill>
              </a:rPr>
              <a:t>, Romania</a:t>
            </a:r>
            <a:r>
              <a:rPr lang="en-US" sz="1200" dirty="0" smtClean="0">
                <a:solidFill>
                  <a:schemeClr val="accent6"/>
                </a:solidFill>
              </a:rPr>
              <a:t>)</a:t>
            </a:r>
          </a:p>
        </p:txBody>
      </p:sp>
      <p:sp>
        <p:nvSpPr>
          <p:cNvPr id="92" name="Title 1"/>
          <p:cNvSpPr txBox="1">
            <a:spLocks/>
          </p:cNvSpPr>
          <p:nvPr/>
        </p:nvSpPr>
        <p:spPr bwMode="auto">
          <a:xfrm>
            <a:off x="685800" y="-19050"/>
            <a:ext cx="8229600" cy="3875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 kern="12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defRPr>
            </a:lvl1pPr>
            <a:lvl2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2pPr>
            <a:lvl3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3pPr>
            <a:lvl4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4pPr>
            <a:lvl5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5pPr>
            <a:lvl6pPr marL="456972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6pPr>
            <a:lvl7pPr marL="91394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7pPr>
            <a:lvl8pPr marL="137091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8pPr>
            <a:lvl9pPr marL="1827890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9pPr>
          </a:lstStyle>
          <a:p>
            <a:pPr>
              <a:defRPr/>
            </a:pPr>
            <a:r>
              <a:rPr lang="en-US" sz="2400" b="1" dirty="0"/>
              <a:t>The capital has the highest </a:t>
            </a:r>
            <a:r>
              <a:rPr lang="en-US" sz="2400" b="1" dirty="0" smtClean="0"/>
              <a:t>GDP </a:t>
            </a:r>
            <a:r>
              <a:rPr lang="en-US" sz="1600" b="1" dirty="0"/>
              <a:t>(in </a:t>
            </a:r>
            <a:r>
              <a:rPr lang="en-US" sz="1600" b="1" dirty="0" smtClean="0"/>
              <a:t>abs. </a:t>
            </a:r>
            <a:r>
              <a:rPr lang="en-US" sz="1600" b="1" dirty="0"/>
              <a:t>value and per capita)</a:t>
            </a:r>
          </a:p>
        </p:txBody>
      </p:sp>
      <p:sp>
        <p:nvSpPr>
          <p:cNvPr id="95" name="TextBox 94"/>
          <p:cNvSpPr txBox="1"/>
          <p:nvPr/>
        </p:nvSpPr>
        <p:spPr>
          <a:xfrm>
            <a:off x="5407956" y="4762505"/>
            <a:ext cx="2715424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Source: National Institute of Statistics INSSE</a:t>
            </a:r>
          </a:p>
        </p:txBody>
      </p:sp>
      <p:sp>
        <p:nvSpPr>
          <p:cNvPr id="4" name="Rounded Rectangle 3"/>
          <p:cNvSpPr/>
          <p:nvPr/>
        </p:nvSpPr>
        <p:spPr>
          <a:xfrm>
            <a:off x="3827013" y="819151"/>
            <a:ext cx="5227955" cy="1806521"/>
          </a:xfrm>
          <a:prstGeom prst="roundRect">
            <a:avLst/>
          </a:prstGeom>
          <a:noFill/>
          <a:ln>
            <a:solidFill>
              <a:schemeClr val="tx1">
                <a:lumMod val="50000"/>
                <a:lumOff val="50000"/>
                <a:alpha val="61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94" name="Picture 29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376700327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547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11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6" name="Title 1"/>
          <p:cNvSpPr>
            <a:spLocks noGrp="1"/>
          </p:cNvSpPr>
          <p:nvPr>
            <p:ph type="title" idx="4294967295"/>
          </p:nvPr>
        </p:nvSpPr>
        <p:spPr>
          <a:xfrm>
            <a:off x="395536" y="2012766"/>
            <a:ext cx="8229600" cy="387534"/>
          </a:xfrm>
        </p:spPr>
        <p:txBody>
          <a:bodyPr/>
          <a:lstStyle/>
          <a:p>
            <a:pPr>
              <a:defRPr/>
            </a:pPr>
            <a:r>
              <a:rPr lang="en-US" sz="2400" b="1" smtClean="0"/>
              <a:t>Customer Profile</a:t>
            </a:r>
            <a:endParaRPr lang="en-US" sz="2400" b="1" dirty="0" smtClean="0"/>
          </a:p>
        </p:txBody>
      </p:sp>
      <p:sp>
        <p:nvSpPr>
          <p:cNvPr id="2" name="AutoShape 2" descr="Imagini pentru economics"/>
          <p:cNvSpPr>
            <a:spLocks noChangeAspect="1" noChangeArrowheads="1"/>
          </p:cNvSpPr>
          <p:nvPr/>
        </p:nvSpPr>
        <p:spPr bwMode="auto">
          <a:xfrm>
            <a:off x="155575" y="-108346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3" name="AutoShape 4" descr="Imagini pentru economics"/>
          <p:cNvSpPr>
            <a:spLocks noChangeAspect="1" noChangeArrowheads="1"/>
          </p:cNvSpPr>
          <p:nvPr/>
        </p:nvSpPr>
        <p:spPr bwMode="auto">
          <a:xfrm>
            <a:off x="307975" y="59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4" name="AutoShape 5" descr="Imagini pentru customer"/>
          <p:cNvSpPr>
            <a:spLocks noChangeAspect="1" noChangeArrowheads="1"/>
          </p:cNvSpPr>
          <p:nvPr/>
        </p:nvSpPr>
        <p:spPr bwMode="auto">
          <a:xfrm>
            <a:off x="460375" y="1202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TextBox 6"/>
          <p:cNvSpPr txBox="1"/>
          <p:nvPr/>
        </p:nvSpPr>
        <p:spPr>
          <a:xfrm>
            <a:off x="6705600" y="3429002"/>
            <a:ext cx="1313180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 smtClean="0"/>
              <a:t>Poza client</a:t>
            </a:r>
          </a:p>
          <a:p>
            <a:endParaRPr lang="en-US" dirty="0"/>
          </a:p>
        </p:txBody>
      </p:sp>
      <p:pic>
        <p:nvPicPr>
          <p:cNvPr id="17555" name="Picture 147" descr="\\eu901184-buc\buc_department$\Marketing\iStock_000023779355_Full\iStock_000023779355_Full.jpg"/>
          <p:cNvPicPr>
            <a:picLocks noChangeAspect="1" noChangeArrowheads="1"/>
          </p:cNvPicPr>
          <p:nvPr/>
        </p:nvPicPr>
        <p:blipFill>
          <a:blip r:embed="rId7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276600" y="1314450"/>
            <a:ext cx="5715000" cy="285988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29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964272911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Rectangle 3"/>
          <p:cNvSpPr>
            <a:spLocks noChangeArrowheads="1"/>
          </p:cNvSpPr>
          <p:nvPr/>
        </p:nvSpPr>
        <p:spPr bwMode="auto">
          <a:xfrm>
            <a:off x="648422" y="777616"/>
            <a:ext cx="7956029" cy="24037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/>
          <a:p>
            <a:pPr algn="just">
              <a:lnSpc>
                <a:spcPct val="130000"/>
              </a:lnSpc>
              <a:spcBef>
                <a:spcPts val="600"/>
              </a:spcBef>
              <a:buClr>
                <a:srgbClr val="C00000"/>
              </a:buClr>
              <a:buSzPct val="120000"/>
              <a:defRPr/>
            </a:pPr>
            <a:r>
              <a:rPr lang="en-GB" sz="1400" kern="0" dirty="0">
                <a:solidFill>
                  <a:sysClr val="windowText" lastClr="000000"/>
                </a:solidFill>
                <a:cs typeface="Arial" charset="0"/>
                <a:sym typeface="Helvetica"/>
              </a:rPr>
              <a:t>Last years society evolution have lead to important changes in the way people relate to life. </a:t>
            </a:r>
          </a:p>
          <a:p>
            <a:pPr algn="just">
              <a:lnSpc>
                <a:spcPct val="130000"/>
              </a:lnSpc>
              <a:spcBef>
                <a:spcPts val="600"/>
              </a:spcBef>
              <a:buClr>
                <a:srgbClr val="C00000"/>
              </a:buClr>
              <a:buSzPct val="120000"/>
              <a:defRPr/>
            </a:pPr>
            <a:r>
              <a:rPr lang="en-GB" sz="1400" kern="0" dirty="0">
                <a:solidFill>
                  <a:sysClr val="windowText" lastClr="000000"/>
                </a:solidFill>
                <a:cs typeface="Arial" charset="0"/>
                <a:sym typeface="Helvetica"/>
              </a:rPr>
              <a:t>Is  equally about  the </a:t>
            </a:r>
            <a:r>
              <a:rPr lang="en-GB" sz="1400" b="1" kern="0" dirty="0">
                <a:solidFill>
                  <a:srgbClr val="C00000"/>
                </a:solidFill>
                <a:cs typeface="Arial" charset="0"/>
                <a:sym typeface="Helvetica"/>
              </a:rPr>
              <a:t>economical crisis </a:t>
            </a:r>
            <a:r>
              <a:rPr lang="en-GB" sz="1400" kern="0" dirty="0">
                <a:solidFill>
                  <a:sysClr val="windowText" lastClr="000000"/>
                </a:solidFill>
                <a:cs typeface="Arial" charset="0"/>
                <a:sym typeface="Helvetica"/>
              </a:rPr>
              <a:t>that forced people to </a:t>
            </a:r>
            <a:r>
              <a:rPr lang="en-GB" sz="1400" u="sng" kern="0" dirty="0">
                <a:solidFill>
                  <a:sysClr val="windowText" lastClr="000000"/>
                </a:solidFill>
                <a:cs typeface="Arial" charset="0"/>
                <a:sym typeface="Helvetica"/>
              </a:rPr>
              <a:t>re-evaluate usage of resources</a:t>
            </a:r>
            <a:r>
              <a:rPr lang="en-GB" sz="1400" kern="0" dirty="0">
                <a:solidFill>
                  <a:sysClr val="windowText" lastClr="000000"/>
                </a:solidFill>
                <a:cs typeface="Arial" charset="0"/>
                <a:sym typeface="Helvetica"/>
              </a:rPr>
              <a:t> and about </a:t>
            </a:r>
            <a:r>
              <a:rPr lang="en-GB" sz="1400" b="1" kern="0" dirty="0">
                <a:solidFill>
                  <a:srgbClr val="C00000"/>
                </a:solidFill>
                <a:cs typeface="Arial" charset="0"/>
                <a:sym typeface="Helvetica"/>
              </a:rPr>
              <a:t>technology outburst </a:t>
            </a:r>
            <a:r>
              <a:rPr lang="en-GB" sz="1400" kern="0" dirty="0">
                <a:solidFill>
                  <a:sysClr val="windowText" lastClr="000000"/>
                </a:solidFill>
                <a:cs typeface="Arial" charset="0"/>
                <a:sym typeface="Helvetica"/>
              </a:rPr>
              <a:t>(internet) which gave </a:t>
            </a:r>
            <a:r>
              <a:rPr lang="en-GB" sz="1400" u="sng" kern="0" dirty="0">
                <a:solidFill>
                  <a:sysClr val="windowText" lastClr="000000"/>
                </a:solidFill>
                <a:cs typeface="Arial" charset="0"/>
                <a:sym typeface="Helvetica"/>
              </a:rPr>
              <a:t> access to unlimited amount of information an any subject</a:t>
            </a:r>
          </a:p>
          <a:p>
            <a:pPr algn="just">
              <a:lnSpc>
                <a:spcPct val="130000"/>
              </a:lnSpc>
              <a:spcBef>
                <a:spcPts val="600"/>
              </a:spcBef>
              <a:defRPr/>
            </a:pPr>
            <a:endParaRPr lang="en-GB" altLang="en-US" sz="600" kern="0" dirty="0">
              <a:solidFill>
                <a:prstClr val="black"/>
              </a:solidFill>
              <a:cs typeface="Arial" charset="0"/>
              <a:sym typeface="Helvetica"/>
            </a:endParaRPr>
          </a:p>
          <a:p>
            <a:pPr algn="just">
              <a:lnSpc>
                <a:spcPct val="130000"/>
              </a:lnSpc>
              <a:spcBef>
                <a:spcPts val="600"/>
              </a:spcBef>
              <a:defRPr/>
            </a:pPr>
            <a:r>
              <a:rPr lang="en-GB" altLang="en-US" sz="1400" kern="0" dirty="0">
                <a:solidFill>
                  <a:prstClr val="black"/>
                </a:solidFill>
                <a:cs typeface="Arial" charset="0"/>
                <a:sym typeface="Helvetica"/>
              </a:rPr>
              <a:t>People have a lot of choices</a:t>
            </a:r>
            <a:r>
              <a:rPr lang="en-GB" altLang="en-US" sz="1400" kern="0">
                <a:solidFill>
                  <a:prstClr val="black"/>
                </a:solidFill>
                <a:cs typeface="Arial" charset="0"/>
                <a:sym typeface="Helvetica"/>
              </a:rPr>
              <a:t>. Still, today they are expecting products and brands with more </a:t>
            </a:r>
            <a:r>
              <a:rPr lang="en-GB" altLang="en-US" sz="1400" kern="0" smtClean="0">
                <a:solidFill>
                  <a:prstClr val="black"/>
                </a:solidFill>
                <a:cs typeface="Arial" charset="0"/>
                <a:sym typeface="Helvetica"/>
              </a:rPr>
              <a:t>meanings. </a:t>
            </a:r>
            <a:r>
              <a:rPr lang="en-GB" altLang="en-US" sz="1400" kern="0" dirty="0">
                <a:solidFill>
                  <a:prstClr val="black"/>
                </a:solidFill>
                <a:cs typeface="Arial" charset="0"/>
                <a:sym typeface="Helvetica"/>
              </a:rPr>
              <a:t>They look for solutions with whom to </a:t>
            </a:r>
            <a:r>
              <a:rPr lang="en-GB" altLang="en-US" sz="1400" b="1" kern="0" dirty="0">
                <a:solidFill>
                  <a:srgbClr val="C00000"/>
                </a:solidFill>
                <a:cs typeface="Arial" charset="0"/>
                <a:sym typeface="Helvetica"/>
              </a:rPr>
              <a:t>connect with in an authentic way </a:t>
            </a:r>
            <a:r>
              <a:rPr lang="en-GB" altLang="en-US" sz="1400" kern="0" dirty="0">
                <a:solidFill>
                  <a:prstClr val="black"/>
                </a:solidFill>
                <a:cs typeface="Arial" charset="0"/>
                <a:sym typeface="Helvetica"/>
              </a:rPr>
              <a:t>and</a:t>
            </a:r>
            <a:r>
              <a:rPr lang="en-GB" altLang="en-US" sz="1400" b="1" kern="0" dirty="0">
                <a:solidFill>
                  <a:srgbClr val="C00000"/>
                </a:solidFill>
                <a:cs typeface="Arial" charset="0"/>
                <a:sym typeface="Helvetica"/>
              </a:rPr>
              <a:t>  </a:t>
            </a:r>
            <a:r>
              <a:rPr lang="en-GB" altLang="en-US" sz="1400" kern="0" dirty="0">
                <a:solidFill>
                  <a:prstClr val="black"/>
                </a:solidFill>
                <a:cs typeface="Arial" charset="0"/>
                <a:sym typeface="Helvetica"/>
              </a:rPr>
              <a:t>that can </a:t>
            </a:r>
            <a:r>
              <a:rPr lang="en-GB" altLang="en-US" sz="1400" b="1" kern="0" dirty="0">
                <a:solidFill>
                  <a:srgbClr val="C00000"/>
                </a:solidFill>
                <a:cs typeface="Arial" charset="0"/>
                <a:sym typeface="Helvetica"/>
              </a:rPr>
              <a:t>enrich their life 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48419" y="3173448"/>
            <a:ext cx="3933097" cy="1531903"/>
          </a:xfrm>
          <a:prstGeom prst="rect">
            <a:avLst/>
          </a:prstGeom>
        </p:spPr>
      </p:pic>
      <p:sp>
        <p:nvSpPr>
          <p:cNvPr id="31" name="Rectangle 29"/>
          <p:cNvSpPr>
            <a:spLocks noChangeArrowheads="1"/>
          </p:cNvSpPr>
          <p:nvPr/>
        </p:nvSpPr>
        <p:spPr bwMode="auto">
          <a:xfrm>
            <a:off x="5105400" y="2952750"/>
            <a:ext cx="3962400" cy="1651516"/>
          </a:xfrm>
          <a:prstGeom prst="roundRect">
            <a:avLst/>
          </a:prstGeom>
          <a:solidFill>
            <a:srgbClr val="92D050">
              <a:alpha val="98000"/>
            </a:srgb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  <a:extLst/>
        </p:spPr>
        <p:txBody>
          <a:bodyPr wrap="square">
            <a:spAutoFit/>
          </a:bodyPr>
          <a:lstStyle>
            <a:lvl1pPr eaLnBrk="0" hangingPunct="0">
              <a:spcBef>
                <a:spcPct val="20000"/>
              </a:spcBef>
              <a:buFont typeface="Arial" charset="0"/>
              <a:buChar char="•"/>
              <a:defRPr sz="3200">
                <a:solidFill>
                  <a:schemeClr val="tx1"/>
                </a:solidFill>
                <a:latin typeface="Calibri" pitchFamily="34" charset="0"/>
              </a:defRPr>
            </a:lvl1pPr>
            <a:lvl2pPr marL="742950" indent="-285750" eaLnBrk="0" hangingPunct="0">
              <a:spcBef>
                <a:spcPct val="20000"/>
              </a:spcBef>
              <a:buFont typeface="Arial" charset="0"/>
              <a:buChar char="–"/>
              <a:defRPr sz="2800">
                <a:solidFill>
                  <a:schemeClr val="tx1"/>
                </a:solidFill>
                <a:latin typeface="Calibri" pitchFamily="34" charset="0"/>
              </a:defRPr>
            </a:lvl2pPr>
            <a:lvl3pPr marL="1143000" indent="-228600" eaLnBrk="0" hangingPunct="0">
              <a:spcBef>
                <a:spcPct val="20000"/>
              </a:spcBef>
              <a:buFont typeface="Arial" charset="0"/>
              <a:buChar char="•"/>
              <a:defRPr sz="2400">
                <a:solidFill>
                  <a:schemeClr val="tx1"/>
                </a:solidFill>
                <a:latin typeface="Calibri" pitchFamily="34" charset="0"/>
              </a:defRPr>
            </a:lvl3pPr>
            <a:lvl4pPr marL="1600200" indent="-228600" eaLnBrk="0" hangingPunct="0">
              <a:spcBef>
                <a:spcPct val="20000"/>
              </a:spcBef>
              <a:buFont typeface="Arial" charset="0"/>
              <a:buChar char="–"/>
              <a:defRPr sz="2000">
                <a:solidFill>
                  <a:schemeClr val="tx1"/>
                </a:solidFill>
                <a:latin typeface="Calibri" pitchFamily="34" charset="0"/>
              </a:defRPr>
            </a:lvl4pPr>
            <a:lvl5pPr marL="2057400" indent="-228600" eaLnBrk="0" hangingPunct="0">
              <a:spcBef>
                <a:spcPct val="20000"/>
              </a:spcBef>
              <a:buFont typeface="Arial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2000">
                <a:solidFill>
                  <a:schemeClr val="tx1"/>
                </a:solidFill>
                <a:latin typeface="Calibri" pitchFamily="34" charset="0"/>
              </a:defRPr>
            </a:lvl9pPr>
          </a:lstStyle>
          <a:p>
            <a:pPr algn="ctr" eaLnBrk="1" hangingPunct="1">
              <a:lnSpc>
                <a:spcPct val="130000"/>
              </a:lnSpc>
              <a:spcBef>
                <a:spcPts val="300"/>
              </a:spcBef>
              <a:buFontTx/>
              <a:buNone/>
              <a:defRPr/>
            </a:pPr>
            <a:r>
              <a:rPr lang="en-GB" altLang="en-US" sz="1400" b="1" i="1" u="sng" kern="0" dirty="0" smtClean="0">
                <a:solidFill>
                  <a:schemeClr val="accent6"/>
                </a:solidFill>
                <a:latin typeface="Calibri"/>
                <a:cs typeface="Arial" charset="0"/>
                <a:sym typeface="Helvetica"/>
              </a:rPr>
              <a:t>TAKE-OUT</a:t>
            </a:r>
            <a:r>
              <a:rPr lang="en-GB" altLang="en-US" sz="1400" i="1" kern="0" dirty="0" smtClean="0">
                <a:solidFill>
                  <a:schemeClr val="accent6"/>
                </a:solidFill>
                <a:latin typeface="Calibri"/>
                <a:cs typeface="Arial" charset="0"/>
                <a:sym typeface="Helvetica"/>
              </a:rPr>
              <a:t>: a shift  from a inward functional approach (what I have to offer) </a:t>
            </a:r>
            <a:r>
              <a:rPr lang="en-GB" altLang="en-US" sz="1400" i="1" kern="0" dirty="0" smtClean="0">
                <a:solidFill>
                  <a:schemeClr val="accent6"/>
                </a:solidFill>
                <a:cs typeface="Arial" charset="0"/>
                <a:sym typeface="Helvetica"/>
              </a:rPr>
              <a:t>to a more outward approach of listening &amp; covering actual needs of consumers (what people need and what can I offer) </a:t>
            </a:r>
            <a:endParaRPr lang="en-GB" sz="1400" i="1" kern="0" dirty="0">
              <a:solidFill>
                <a:schemeClr val="accent6"/>
              </a:solidFill>
              <a:sym typeface="Helvetica"/>
            </a:endParaRPr>
          </a:p>
        </p:txBody>
      </p:sp>
      <p:cxnSp>
        <p:nvCxnSpPr>
          <p:cNvPr id="32" name="Straight Arrow Connector 31"/>
          <p:cNvCxnSpPr/>
          <p:nvPr/>
        </p:nvCxnSpPr>
        <p:spPr bwMode="auto">
          <a:xfrm>
            <a:off x="4305753" y="3407225"/>
            <a:ext cx="714375" cy="0"/>
          </a:xfrm>
          <a:prstGeom prst="straightConnector1">
            <a:avLst/>
          </a:prstGeom>
          <a:solidFill>
            <a:srgbClr val="FBDF53"/>
          </a:solidFill>
          <a:ln w="12700" cap="flat" cmpd="sng" algn="ctr">
            <a:solidFill>
              <a:srgbClr val="000000"/>
            </a:solidFill>
            <a:prstDash val="dash"/>
            <a:round/>
            <a:headEnd type="none" w="med" len="med"/>
            <a:tailEnd type="arrow"/>
          </a:ln>
          <a:effectLst/>
        </p:spPr>
      </p:cxnSp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>
          <a:xfrm>
            <a:off x="683747" y="0"/>
            <a:ext cx="8384053" cy="666750"/>
          </a:xfrm>
        </p:spPr>
        <p:txBody>
          <a:bodyPr/>
          <a:lstStyle/>
          <a:p>
            <a:pPr defTabSz="456972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800" dirty="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  <a:sym typeface="Helvetica"/>
              </a:rPr>
              <a:t>A new consumer era: the era of </a:t>
            </a:r>
            <a:r>
              <a:rPr lang="en-US" sz="18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  <a:sym typeface="Helvetica"/>
              </a:rPr>
              <a:t>Empathy </a:t>
            </a:r>
            <a:r>
              <a:rPr lang="en-US" sz="1500" smtClean="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  <a:sym typeface="Helvetica"/>
              </a:rPr>
              <a:t>(</a:t>
            </a:r>
            <a:r>
              <a:rPr lang="en-US" sz="1500" dirty="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  <a:sym typeface="Helvetica"/>
              </a:rPr>
              <a:t>when companies mingle </a:t>
            </a:r>
            <a:r>
              <a:rPr lang="en-US" sz="15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  <a:sym typeface="Helvetica"/>
              </a:rPr>
              <a:t>with </a:t>
            </a:r>
            <a:r>
              <a:rPr lang="en-US" sz="1500" smtClean="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  <a:sym typeface="Helvetica"/>
              </a:rPr>
              <a:t>people</a:t>
            </a:r>
            <a:r>
              <a:rPr lang="en-US" sz="1500" dirty="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  <a:sym typeface="Helvetica"/>
              </a:rPr>
              <a:t>)</a:t>
            </a:r>
            <a:endParaRPr lang="en-US" sz="1500" dirty="0">
              <a:solidFill>
                <a:srgbClr val="4F6228"/>
              </a:solidFill>
              <a:latin typeface="Arial"/>
              <a:ea typeface="ＭＳ Ｐゴシック" charset="-128"/>
              <a:cs typeface="ＭＳ Ｐゴシック" pitchFamily="-108" charset="-128"/>
              <a:sym typeface="Calibri"/>
            </a:endParaRPr>
          </a:p>
          <a:p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3810002" y="4840130"/>
            <a:ext cx="4147289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i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Source: Brand image &amp; customer profile study, Unlock Research 2015</a:t>
            </a:r>
          </a:p>
        </p:txBody>
      </p:sp>
      <p:sp>
        <p:nvSpPr>
          <p:cNvPr id="8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12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pic>
        <p:nvPicPr>
          <p:cNvPr id="11" name="Picture 29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2857196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6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TextBox 15"/>
          <p:cNvSpPr txBox="1"/>
          <p:nvPr/>
        </p:nvSpPr>
        <p:spPr>
          <a:xfrm>
            <a:off x="6599789" y="2295168"/>
            <a:ext cx="2011679" cy="1038582"/>
          </a:xfrm>
          <a:prstGeom prst="wedgeRoundRectCallout">
            <a:avLst>
              <a:gd name="adj1" fmla="val -64913"/>
              <a:gd name="adj2" fmla="val -24937"/>
              <a:gd name="adj3" fmla="val 16667"/>
            </a:avLst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pPr>
              <a:defRPr/>
            </a:pPr>
            <a:r>
              <a:rPr lang="en-US" sz="1100" i="1" dirty="0">
                <a:solidFill>
                  <a:prstClr val="black">
                    <a:lumMod val="50000"/>
                    <a:lumOff val="50000"/>
                  </a:prstClr>
                </a:solidFill>
                <a:sym typeface="Helvetica"/>
              </a:rPr>
              <a:t>“Success  is not the  key to happiness but the reverse is valid. Do what you like and you will have success” (F, 42) 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6477000" y="3881537"/>
            <a:ext cx="1953424" cy="664012"/>
          </a:xfrm>
          <a:prstGeom prst="wedgeRoundRectCallout">
            <a:avLst>
              <a:gd name="adj1" fmla="val -64272"/>
              <a:gd name="adj2" fmla="val -37369"/>
              <a:gd name="adj3" fmla="val 16667"/>
            </a:avLst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pPr>
              <a:defRPr/>
            </a:pPr>
            <a:r>
              <a:rPr lang="en-US" sz="1100" i="1" dirty="0">
                <a:solidFill>
                  <a:prstClr val="black">
                    <a:lumMod val="50000"/>
                    <a:lumOff val="50000"/>
                  </a:prstClr>
                </a:solidFill>
                <a:sym typeface="Helvetica"/>
              </a:rPr>
              <a:t>“Is better to fail doing something than be the best in doing nothing.”  (M, 54) </a:t>
            </a:r>
          </a:p>
        </p:txBody>
      </p:sp>
      <p:grpSp>
        <p:nvGrpSpPr>
          <p:cNvPr id="13" name="Group 12"/>
          <p:cNvGrpSpPr/>
          <p:nvPr/>
        </p:nvGrpSpPr>
        <p:grpSpPr>
          <a:xfrm>
            <a:off x="4777873" y="3779735"/>
            <a:ext cx="1089529" cy="564283"/>
            <a:chOff x="5366722" y="4590624"/>
            <a:chExt cx="1089529" cy="752377"/>
          </a:xfrm>
        </p:grpSpPr>
        <p:pic>
          <p:nvPicPr>
            <p:cNvPr id="55" name="Picture 54"/>
            <p:cNvPicPr>
              <a:picLocks noChangeAspect="1"/>
            </p:cNvPicPr>
            <p:nvPr/>
          </p:nvPicPr>
          <p:blipFill>
            <a:blip r:embed="rId3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21193406">
              <a:off x="5366722" y="4590624"/>
              <a:ext cx="564283" cy="752377"/>
            </a:xfrm>
            <a:prstGeom prst="rect">
              <a:avLst/>
            </a:prstGeom>
            <a:solidFill>
              <a:srgbClr val="FFFFFF">
                <a:shade val="85000"/>
              </a:srgbClr>
            </a:solidFill>
            <a:ln w="88900" cap="sq">
              <a:solidFill>
                <a:srgbClr val="FFFFFF"/>
              </a:solidFill>
              <a:miter lim="800000"/>
            </a:ln>
            <a:effectLst>
              <a:outerShdw blurRad="55000" dist="18000" dir="5400000" algn="tl" rotWithShape="0">
                <a:srgbClr val="000000">
                  <a:alpha val="40000"/>
                </a:srgbClr>
              </a:outerShdw>
            </a:effectLst>
            <a:scene3d>
              <a:camera prst="orthographicFront"/>
              <a:lightRig rig="twoPt" dir="t">
                <a:rot lat="0" lon="0" rev="7200000"/>
              </a:lightRig>
            </a:scene3d>
            <a:sp3d>
              <a:bevelT w="25400" h="19050"/>
              <a:contourClr>
                <a:srgbClr val="FFFFFF"/>
              </a:contourClr>
            </a:sp3d>
          </p:spPr>
        </p:pic>
        <p:pic>
          <p:nvPicPr>
            <p:cNvPr id="7" name="Picture 6"/>
            <p:cNvPicPr>
              <a:picLocks noChangeAspect="1"/>
            </p:cNvPicPr>
            <p:nvPr/>
          </p:nvPicPr>
          <p:blipFill>
            <a:blip r:embed="rId4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1089256">
              <a:off x="5801431" y="4746071"/>
              <a:ext cx="654820" cy="497975"/>
            </a:xfrm>
            <a:prstGeom prst="rect">
              <a:avLst/>
            </a:prstGeom>
            <a:solidFill>
              <a:srgbClr val="FFFFFF">
                <a:shade val="85000"/>
              </a:srgbClr>
            </a:solidFill>
            <a:ln w="88900" cap="sq">
              <a:solidFill>
                <a:srgbClr val="FFFFFF"/>
              </a:solidFill>
              <a:miter lim="800000"/>
            </a:ln>
            <a:effectLst>
              <a:outerShdw blurRad="55000" dist="18000" dir="5400000" algn="tl" rotWithShape="0">
                <a:srgbClr val="000000">
                  <a:alpha val="40000"/>
                </a:srgbClr>
              </a:outerShdw>
            </a:effectLst>
            <a:scene3d>
              <a:camera prst="orthographicFront"/>
              <a:lightRig rig="twoPt" dir="t">
                <a:rot lat="0" lon="0" rev="7200000"/>
              </a:lightRig>
            </a:scene3d>
            <a:sp3d>
              <a:bevelT w="25400" h="19050"/>
              <a:contourClr>
                <a:srgbClr val="FFFFFF"/>
              </a:contourClr>
            </a:sp3d>
          </p:spPr>
        </p:pic>
      </p:grpSp>
      <p:sp>
        <p:nvSpPr>
          <p:cNvPr id="38" name="TextBox 37"/>
          <p:cNvSpPr txBox="1"/>
          <p:nvPr/>
        </p:nvSpPr>
        <p:spPr>
          <a:xfrm>
            <a:off x="6163691" y="1123951"/>
            <a:ext cx="2002623" cy="851297"/>
          </a:xfrm>
          <a:prstGeom prst="wedgeRoundRectCallout">
            <a:avLst>
              <a:gd name="adj1" fmla="val -64272"/>
              <a:gd name="adj2" fmla="val -37369"/>
              <a:gd name="adj3" fmla="val 16667"/>
            </a:avLst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pPr>
              <a:defRPr/>
            </a:pPr>
            <a:r>
              <a:rPr lang="en-US" sz="1100" i="1" dirty="0">
                <a:solidFill>
                  <a:prstClr val="black">
                    <a:lumMod val="50000"/>
                    <a:lumOff val="50000"/>
                  </a:prstClr>
                </a:solidFill>
                <a:sym typeface="Helvetica"/>
              </a:rPr>
              <a:t>“Time is most important resource. Lost time can never be regained, learn to enjoy every second” (M, 46) </a:t>
            </a:r>
          </a:p>
        </p:txBody>
      </p:sp>
      <p:grpSp>
        <p:nvGrpSpPr>
          <p:cNvPr id="10" name="Group 9"/>
          <p:cNvGrpSpPr/>
          <p:nvPr/>
        </p:nvGrpSpPr>
        <p:grpSpPr>
          <a:xfrm>
            <a:off x="4720324" y="2495550"/>
            <a:ext cx="1362775" cy="547847"/>
            <a:chOff x="1301721" y="4937644"/>
            <a:chExt cx="1435392" cy="760775"/>
          </a:xfrm>
        </p:grpSpPr>
        <p:pic>
          <p:nvPicPr>
            <p:cNvPr id="8" name="Picture 7"/>
            <p:cNvPicPr>
              <a:picLocks noChangeAspect="1"/>
            </p:cNvPicPr>
            <p:nvPr/>
          </p:nvPicPr>
          <p:blipFill>
            <a:blip r:embed="rId5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535488">
              <a:off x="1301721" y="4937644"/>
              <a:ext cx="760775" cy="760775"/>
            </a:xfrm>
            <a:prstGeom prst="rect">
              <a:avLst/>
            </a:prstGeom>
            <a:solidFill>
              <a:srgbClr val="FFFFFF">
                <a:shade val="85000"/>
              </a:srgbClr>
            </a:solidFill>
            <a:ln w="88900" cap="sq">
              <a:solidFill>
                <a:srgbClr val="FFFFFF"/>
              </a:solidFill>
              <a:miter lim="800000"/>
            </a:ln>
            <a:effectLst>
              <a:outerShdw blurRad="55000" dist="18000" dir="5400000" algn="tl" rotWithShape="0">
                <a:srgbClr val="000000">
                  <a:alpha val="40000"/>
                </a:srgbClr>
              </a:outerShdw>
            </a:effectLst>
            <a:scene3d>
              <a:camera prst="orthographicFront"/>
              <a:lightRig rig="twoPt" dir="t">
                <a:rot lat="0" lon="0" rev="7200000"/>
              </a:lightRig>
            </a:scene3d>
            <a:sp3d>
              <a:bevelT w="25400" h="19050"/>
              <a:contourClr>
                <a:srgbClr val="FFFFFF"/>
              </a:contourClr>
            </a:sp3d>
          </p:spPr>
        </p:pic>
        <p:pic>
          <p:nvPicPr>
            <p:cNvPr id="15" name="Picture 14"/>
            <p:cNvPicPr>
              <a:picLocks noChangeAspect="1"/>
            </p:cNvPicPr>
            <p:nvPr/>
          </p:nvPicPr>
          <p:blipFill>
            <a:blip r:embed="rId6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20325003">
              <a:off x="1913888" y="5100991"/>
              <a:ext cx="823225" cy="578624"/>
            </a:xfrm>
            <a:prstGeom prst="rect">
              <a:avLst/>
            </a:prstGeom>
            <a:solidFill>
              <a:srgbClr val="FFFFFF">
                <a:shade val="85000"/>
              </a:srgbClr>
            </a:solidFill>
            <a:ln w="88900" cap="sq">
              <a:solidFill>
                <a:srgbClr val="FFFFFF"/>
              </a:solidFill>
              <a:miter lim="800000"/>
            </a:ln>
            <a:effectLst>
              <a:outerShdw blurRad="55000" dist="18000" dir="5400000" algn="tl" rotWithShape="0">
                <a:srgbClr val="000000">
                  <a:alpha val="40000"/>
                </a:srgbClr>
              </a:outerShdw>
            </a:effectLst>
            <a:scene3d>
              <a:camera prst="orthographicFront"/>
              <a:lightRig rig="twoPt" dir="t">
                <a:rot lat="0" lon="0" rev="7200000"/>
              </a:lightRig>
            </a:scene3d>
            <a:sp3d>
              <a:bevelT w="25400" h="19050"/>
              <a:contourClr>
                <a:srgbClr val="FFFFFF"/>
              </a:contourClr>
            </a:sp3d>
          </p:spPr>
        </p:pic>
      </p:grpSp>
      <p:sp>
        <p:nvSpPr>
          <p:cNvPr id="54" name="Rectangle 53"/>
          <p:cNvSpPr/>
          <p:nvPr/>
        </p:nvSpPr>
        <p:spPr>
          <a:xfrm>
            <a:off x="2000069" y="1064550"/>
            <a:ext cx="2166425" cy="101566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defRPr/>
            </a:pPr>
            <a:r>
              <a:rPr lang="en-US" sz="1200" b="1" kern="0" dirty="0">
                <a:solidFill>
                  <a:srgbClr val="C00000"/>
                </a:solidFill>
                <a:sym typeface="Helvetica"/>
              </a:rPr>
              <a:t>LESS IS MORE (so treasure what you have) </a:t>
            </a:r>
          </a:p>
          <a:p>
            <a:pPr algn="ctr">
              <a:defRPr/>
            </a:pPr>
            <a:r>
              <a:rPr lang="en-GB" sz="1200" kern="0" dirty="0">
                <a:solidFill>
                  <a:prstClr val="black"/>
                </a:solidFill>
                <a:sym typeface="Helvetica"/>
              </a:rPr>
              <a:t>No more resource waste no matter is money, time or emotions </a:t>
            </a:r>
          </a:p>
        </p:txBody>
      </p:sp>
      <p:sp>
        <p:nvSpPr>
          <p:cNvPr id="57" name="Rectangle 56"/>
          <p:cNvSpPr/>
          <p:nvPr/>
        </p:nvSpPr>
        <p:spPr>
          <a:xfrm>
            <a:off x="2090313" y="2266951"/>
            <a:ext cx="2026987" cy="101566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defRPr/>
            </a:pPr>
            <a:r>
              <a:rPr lang="en-US" sz="1200" b="1" kern="0" dirty="0">
                <a:solidFill>
                  <a:srgbClr val="C00000"/>
                </a:solidFill>
                <a:sym typeface="Helvetica"/>
              </a:rPr>
              <a:t>BE &gt; HAVE</a:t>
            </a:r>
          </a:p>
          <a:p>
            <a:pPr algn="ctr">
              <a:defRPr/>
            </a:pPr>
            <a:r>
              <a:rPr lang="en-GB" sz="1200" kern="0">
                <a:solidFill>
                  <a:prstClr val="black"/>
                </a:solidFill>
                <a:sym typeface="Helvetica"/>
              </a:rPr>
              <a:t>Accumulate </a:t>
            </a:r>
            <a:r>
              <a:rPr lang="en-GB" sz="1200" kern="0" smtClean="0">
                <a:solidFill>
                  <a:prstClr val="black"/>
                </a:solidFill>
                <a:sym typeface="Helvetica"/>
              </a:rPr>
              <a:t>experiences, </a:t>
            </a:r>
            <a:r>
              <a:rPr lang="en-GB" sz="1200" kern="0" dirty="0">
                <a:solidFill>
                  <a:prstClr val="black"/>
                </a:solidFill>
                <a:sym typeface="Helvetica"/>
              </a:rPr>
              <a:t>remind one of  what is essential in life  - who you are not just what you have</a:t>
            </a:r>
          </a:p>
        </p:txBody>
      </p:sp>
      <p:sp>
        <p:nvSpPr>
          <p:cNvPr id="64" name="Rectangle 63"/>
          <p:cNvSpPr/>
          <p:nvPr/>
        </p:nvSpPr>
        <p:spPr>
          <a:xfrm>
            <a:off x="2070466" y="3486151"/>
            <a:ext cx="2025626" cy="101566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defRPr/>
            </a:pPr>
            <a:r>
              <a:rPr lang="en-US" sz="1200" b="1" kern="0" dirty="0">
                <a:solidFill>
                  <a:srgbClr val="C00000"/>
                </a:solidFill>
                <a:sym typeface="Helvetica"/>
              </a:rPr>
              <a:t>DO / TRY &gt; STAND BY/ RESIGN</a:t>
            </a:r>
          </a:p>
          <a:p>
            <a:pPr algn="ctr">
              <a:defRPr/>
            </a:pPr>
            <a:r>
              <a:rPr lang="en-GB" sz="1200" kern="0" dirty="0">
                <a:solidFill>
                  <a:prstClr val="black"/>
                </a:solidFill>
                <a:sym typeface="Helvetica"/>
              </a:rPr>
              <a:t>Reclaim control over own life. Take initiative instead of expecting to do things </a:t>
            </a:r>
          </a:p>
        </p:txBody>
      </p:sp>
      <p:grpSp>
        <p:nvGrpSpPr>
          <p:cNvPr id="67" name="Group 66"/>
          <p:cNvGrpSpPr/>
          <p:nvPr/>
        </p:nvGrpSpPr>
        <p:grpSpPr>
          <a:xfrm>
            <a:off x="4538170" y="1123951"/>
            <a:ext cx="1241382" cy="608855"/>
            <a:chOff x="4642035" y="1790302"/>
            <a:chExt cx="1241382" cy="811806"/>
          </a:xfrm>
        </p:grpSpPr>
        <p:pic>
          <p:nvPicPr>
            <p:cNvPr id="48" name="Picture 47"/>
            <p:cNvPicPr>
              <a:picLocks noChangeAspect="1"/>
            </p:cNvPicPr>
            <p:nvPr/>
          </p:nvPicPr>
          <p:blipFill>
            <a:blip r:embed="rId7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20583779">
              <a:off x="4642035" y="1790302"/>
              <a:ext cx="703639" cy="585578"/>
            </a:xfrm>
            <a:prstGeom prst="rect">
              <a:avLst/>
            </a:prstGeom>
            <a:solidFill>
              <a:srgbClr val="FFFFFF">
                <a:shade val="85000"/>
              </a:srgbClr>
            </a:solidFill>
            <a:ln w="88900" cap="sq">
              <a:solidFill>
                <a:srgbClr val="FFFFFF"/>
              </a:solidFill>
              <a:miter lim="800000"/>
            </a:ln>
            <a:effectLst>
              <a:outerShdw blurRad="55000" dist="18000" dir="5400000" algn="tl" rotWithShape="0">
                <a:srgbClr val="000000">
                  <a:alpha val="40000"/>
                </a:srgbClr>
              </a:outerShdw>
            </a:effectLst>
            <a:scene3d>
              <a:camera prst="orthographicFront"/>
              <a:lightRig rig="twoPt" dir="t">
                <a:rot lat="0" lon="0" rev="7200000"/>
              </a:lightRig>
            </a:scene3d>
            <a:sp3d>
              <a:bevelT w="25400" h="19050"/>
              <a:contourClr>
                <a:srgbClr val="FFFFFF"/>
              </a:contourClr>
            </a:sp3d>
          </p:spPr>
        </p:pic>
        <p:pic>
          <p:nvPicPr>
            <p:cNvPr id="56" name="Picture 55"/>
            <p:cNvPicPr>
              <a:picLocks noChangeAspect="1"/>
            </p:cNvPicPr>
            <p:nvPr/>
          </p:nvPicPr>
          <p:blipFill rotWithShape="1">
            <a:blip r:embed="rId8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 rot="551002">
              <a:off x="5282797" y="1993688"/>
              <a:ext cx="600620" cy="608420"/>
            </a:xfrm>
            <a:prstGeom prst="rect">
              <a:avLst/>
            </a:prstGeom>
            <a:solidFill>
              <a:srgbClr val="FFFFFF">
                <a:shade val="85000"/>
              </a:srgbClr>
            </a:solidFill>
            <a:ln w="88900" cap="sq">
              <a:solidFill>
                <a:srgbClr val="FFFFFF"/>
              </a:solidFill>
              <a:miter lim="800000"/>
            </a:ln>
            <a:effectLst>
              <a:outerShdw blurRad="55000" dist="18000" dir="5400000" algn="tl" rotWithShape="0">
                <a:srgbClr val="000000">
                  <a:alpha val="40000"/>
                </a:srgbClr>
              </a:outerShdw>
            </a:effectLst>
            <a:scene3d>
              <a:camera prst="orthographicFront"/>
              <a:lightRig rig="twoPt" dir="t">
                <a:rot lat="0" lon="0" rev="7200000"/>
              </a:lightRig>
            </a:scene3d>
            <a:sp3d>
              <a:bevelT w="25400" h="19050"/>
              <a:contourClr>
                <a:srgbClr val="FFFFFF"/>
              </a:contourClr>
            </a:sp3d>
          </p:spPr>
        </p:pic>
      </p:grpSp>
      <p:sp>
        <p:nvSpPr>
          <p:cNvPr id="2" name="Rounded Rectangle 1"/>
          <p:cNvSpPr/>
          <p:nvPr/>
        </p:nvSpPr>
        <p:spPr>
          <a:xfrm>
            <a:off x="2000069" y="945031"/>
            <a:ext cx="2166425" cy="3624943"/>
          </a:xfrm>
          <a:prstGeom prst="roundRect">
            <a:avLst/>
          </a:prstGeom>
          <a:noFill/>
          <a:ln>
            <a:solidFill>
              <a:srgbClr val="C00000"/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grpSp>
        <p:nvGrpSpPr>
          <p:cNvPr id="71" name="Group 70"/>
          <p:cNvGrpSpPr/>
          <p:nvPr/>
        </p:nvGrpSpPr>
        <p:grpSpPr>
          <a:xfrm>
            <a:off x="2" y="2182494"/>
            <a:ext cx="2064581" cy="1227456"/>
            <a:chOff x="354939" y="3089528"/>
            <a:chExt cx="2131629" cy="1467805"/>
          </a:xfrm>
        </p:grpSpPr>
        <p:pic>
          <p:nvPicPr>
            <p:cNvPr id="69" name="Picture 68"/>
            <p:cNvPicPr>
              <a:picLocks noChangeAspect="1"/>
            </p:cNvPicPr>
            <p:nvPr/>
          </p:nvPicPr>
          <p:blipFill rotWithShape="1">
            <a:blip r:embed="rId9" cstate="email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l="21938" t="20345" r="5407" b="29626"/>
            <a:stretch/>
          </p:blipFill>
          <p:spPr>
            <a:xfrm>
              <a:off x="354939" y="3089528"/>
              <a:ext cx="2131629" cy="1467805"/>
            </a:xfrm>
            <a:prstGeom prst="rect">
              <a:avLst/>
            </a:prstGeom>
          </p:spPr>
        </p:pic>
        <p:sp>
          <p:nvSpPr>
            <p:cNvPr id="68" name="TextBox 67"/>
            <p:cNvSpPr txBox="1"/>
            <p:nvPr/>
          </p:nvSpPr>
          <p:spPr>
            <a:xfrm>
              <a:off x="732319" y="3385492"/>
              <a:ext cx="1209821" cy="938508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GB" sz="1500" kern="0" dirty="0">
                  <a:solidFill>
                    <a:prstClr val="white"/>
                  </a:solidFill>
                  <a:latin typeface="DJB CHALK IT UP" panose="02000500000000000000" pitchFamily="2" charset="0"/>
                  <a:sym typeface="Helvetica"/>
                </a:rPr>
                <a:t>Changes across Romanians </a:t>
              </a:r>
            </a:p>
          </p:txBody>
        </p:sp>
      </p:grpSp>
      <p:cxnSp>
        <p:nvCxnSpPr>
          <p:cNvPr id="4" name="Straight Connector 3"/>
          <p:cNvCxnSpPr/>
          <p:nvPr/>
        </p:nvCxnSpPr>
        <p:spPr>
          <a:xfrm>
            <a:off x="2000066" y="2137920"/>
            <a:ext cx="6718806" cy="0"/>
          </a:xfrm>
          <a:prstGeom prst="line">
            <a:avLst/>
          </a:prstGeom>
          <a:ln w="12700">
            <a:solidFill>
              <a:srgbClr val="C00000"/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28" name="Straight Connector 27"/>
          <p:cNvCxnSpPr/>
          <p:nvPr/>
        </p:nvCxnSpPr>
        <p:spPr>
          <a:xfrm>
            <a:off x="1998032" y="3416969"/>
            <a:ext cx="6720840" cy="0"/>
          </a:xfrm>
          <a:prstGeom prst="line">
            <a:avLst/>
          </a:prstGeom>
          <a:ln w="12700">
            <a:solidFill>
              <a:srgbClr val="C00000"/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5" name="Text Placeholder 4"/>
          <p:cNvSpPr>
            <a:spLocks noGrp="1"/>
          </p:cNvSpPr>
          <p:nvPr>
            <p:ph type="body" sz="quarter" idx="10"/>
          </p:nvPr>
        </p:nvSpPr>
        <p:spPr>
          <a:xfrm>
            <a:off x="685800" y="-19050"/>
            <a:ext cx="8610600" cy="682870"/>
          </a:xfrm>
        </p:spPr>
        <p:txBody>
          <a:bodyPr/>
          <a:lstStyle/>
          <a:p>
            <a:pPr defTabSz="456972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n-GB" sz="1800" dirty="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  <a:sym typeface="Wingdings"/>
              </a:rPr>
              <a:t>People no longer wait for help </a:t>
            </a:r>
            <a:r>
              <a:rPr lang="en-GB" sz="18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  <a:sym typeface="Wingdings"/>
              </a:rPr>
              <a:t>from </a:t>
            </a:r>
            <a:r>
              <a:rPr lang="en-GB" sz="1800" smtClean="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  <a:sym typeface="Wingdings"/>
              </a:rPr>
              <a:t>outside, change is personal</a:t>
            </a:r>
          </a:p>
          <a:p>
            <a:endParaRPr lang="en-US" sz="1800" dirty="0"/>
          </a:p>
        </p:txBody>
      </p:sp>
      <p:sp>
        <p:nvSpPr>
          <p:cNvPr id="25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13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3886202" y="4781551"/>
            <a:ext cx="4147289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i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Source: Brand image &amp; customer profile study, Unlock Research 2015</a:t>
            </a:r>
          </a:p>
        </p:txBody>
      </p:sp>
      <p:pic>
        <p:nvPicPr>
          <p:cNvPr id="29" name="Picture 29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0271469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3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Shape 131"/>
          <p:cNvSpPr/>
          <p:nvPr/>
        </p:nvSpPr>
        <p:spPr>
          <a:xfrm>
            <a:off x="783370" y="-191770"/>
            <a:ext cx="8361958" cy="799682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extLst>
            <a:ext uri="{C572A759-6A51-4108-AA02-DFA0A04FC94B}">
              <ma14:wrappingTextBoxFlag xmlns:ma14="http://schemas.microsoft.com/office/mac/drawingml/2011/main" xmlns="" val="1"/>
            </a:ext>
          </a:extLst>
        </p:spPr>
        <p:txBody>
          <a:bodyPr wrap="square" lIns="0" tIns="0" rIns="0" bIns="0" numCol="1" anchor="ctr">
            <a:normAutofit/>
          </a:bodyPr>
          <a:lstStyle/>
          <a:p>
            <a:pPr indent="-342730" defTabSz="456972" eaLnBrk="0" fontAlgn="base" hangingPunct="0">
              <a:spcBef>
                <a:spcPct val="0"/>
              </a:spcBef>
              <a:spcAft>
                <a:spcPct val="0"/>
              </a:spcAft>
              <a:buClr>
                <a:srgbClr val="F79646"/>
              </a:buClr>
              <a:defRPr/>
            </a:pPr>
            <a:r>
              <a:rPr lang="en-GB" b="1" dirty="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  <a:sym typeface="Wingdings"/>
              </a:rPr>
              <a:t>People’s need toward authenticity &amp; real value is also relevant in shopping </a:t>
            </a:r>
          </a:p>
        </p:txBody>
      </p:sp>
      <p:sp>
        <p:nvSpPr>
          <p:cNvPr id="8" name="Oval 7"/>
          <p:cNvSpPr/>
          <p:nvPr/>
        </p:nvSpPr>
        <p:spPr>
          <a:xfrm>
            <a:off x="893028" y="2880527"/>
            <a:ext cx="2554164" cy="1752808"/>
          </a:xfrm>
          <a:prstGeom prst="ellipse">
            <a:avLst/>
          </a:prstGeom>
          <a:solidFill>
            <a:srgbClr val="C00000"/>
          </a:solidFill>
          <a:effectLst>
            <a:softEdge rad="127000"/>
          </a:effectLst>
        </p:spPr>
        <p:txBody>
          <a:bodyPr wrap="square" rtlCol="0">
            <a:spAutoFit/>
          </a:bodyPr>
          <a:lstStyle/>
          <a:p>
            <a:pPr algn="ctr"/>
            <a:r>
              <a:rPr lang="en-GB" sz="1500" dirty="0" smtClean="0">
                <a:solidFill>
                  <a:schemeClr val="bg1"/>
                </a:solidFill>
                <a:latin typeface="+mn-lt"/>
              </a:rPr>
              <a:t>People return to value of things &amp; start to reconsider their choices before investing</a:t>
            </a:r>
          </a:p>
        </p:txBody>
      </p:sp>
      <p:sp>
        <p:nvSpPr>
          <p:cNvPr id="60" name="Rounded Rectangular Callout 59"/>
          <p:cNvSpPr/>
          <p:nvPr/>
        </p:nvSpPr>
        <p:spPr>
          <a:xfrm>
            <a:off x="3650333" y="3132861"/>
            <a:ext cx="3409552" cy="987504"/>
          </a:xfrm>
          <a:prstGeom prst="wedgeRoundRectCallout">
            <a:avLst>
              <a:gd name="adj1" fmla="val -64338"/>
              <a:gd name="adj2" fmla="val -23221"/>
              <a:gd name="adj3" fmla="val 16667"/>
            </a:avLst>
          </a:prstGeom>
          <a:noFill/>
          <a:ln>
            <a:solidFill>
              <a:schemeClr val="bg1">
                <a:lumMod val="75000"/>
              </a:schemeClr>
            </a:solidFill>
          </a:ln>
        </p:spPr>
        <p:txBody>
          <a:bodyPr wrap="square">
            <a:spAutoFit/>
          </a:bodyPr>
          <a:lstStyle/>
          <a:p>
            <a:pPr marL="0" lvl="1"/>
            <a:r>
              <a:rPr lang="en-GB" sz="1300" b="1" i="1" dirty="0" smtClean="0">
                <a:solidFill>
                  <a:schemeClr val="tx1">
                    <a:lumMod val="95000"/>
                    <a:lumOff val="5000"/>
                  </a:schemeClr>
                </a:solidFill>
              </a:rPr>
              <a:t>“Selective impulsivit</a:t>
            </a:r>
            <a:r>
              <a:rPr lang="en-GB" sz="1300" b="1" dirty="0" smtClean="0">
                <a:solidFill>
                  <a:schemeClr val="tx1">
                    <a:lumMod val="95000"/>
                    <a:lumOff val="5000"/>
                  </a:schemeClr>
                </a:solidFill>
              </a:rPr>
              <a:t>y” – </a:t>
            </a:r>
            <a:r>
              <a:rPr lang="en-GB" sz="1300" dirty="0" smtClean="0">
                <a:solidFill>
                  <a:schemeClr val="tx1">
                    <a:lumMod val="95000"/>
                    <a:lumOff val="5000"/>
                  </a:schemeClr>
                </a:solidFill>
              </a:rPr>
              <a:t>people continue to satisfy their curiosity but are much more selective. Products must really benefit them</a:t>
            </a:r>
            <a:endParaRPr lang="en-GB" sz="1300" dirty="0">
              <a:solidFill>
                <a:schemeClr val="tx1">
                  <a:lumMod val="95000"/>
                  <a:lumOff val="5000"/>
                </a:schemeClr>
              </a:solidFill>
            </a:endParaRPr>
          </a:p>
        </p:txBody>
      </p:sp>
      <p:sp>
        <p:nvSpPr>
          <p:cNvPr id="61" name="Rounded Rectangular Callout 60"/>
          <p:cNvSpPr/>
          <p:nvPr/>
        </p:nvSpPr>
        <p:spPr>
          <a:xfrm>
            <a:off x="3788216" y="2343151"/>
            <a:ext cx="3506891" cy="766167"/>
          </a:xfrm>
          <a:prstGeom prst="wedgeRoundRectCallout">
            <a:avLst>
              <a:gd name="adj1" fmla="val -70698"/>
              <a:gd name="adj2" fmla="val 67042"/>
              <a:gd name="adj3" fmla="val 16667"/>
            </a:avLst>
          </a:prstGeom>
          <a:noFill/>
          <a:ln>
            <a:solidFill>
              <a:schemeClr val="bg1">
                <a:lumMod val="75000"/>
              </a:schemeClr>
            </a:solidFill>
          </a:ln>
        </p:spPr>
        <p:txBody>
          <a:bodyPr wrap="square">
            <a:spAutoFit/>
          </a:bodyPr>
          <a:lstStyle/>
          <a:p>
            <a:pPr marL="0" lvl="1"/>
            <a:r>
              <a:rPr lang="en-GB" sz="1300" b="1" dirty="0" smtClean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</a:rPr>
              <a:t>Shopping is not so much about status anymore</a:t>
            </a:r>
            <a:r>
              <a:rPr lang="en-GB" sz="1300" dirty="0" smtClean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</a:rPr>
              <a:t>. A full basket does not necessarily mean better life/more valuable individual. </a:t>
            </a:r>
            <a:endParaRPr lang="en-GB" sz="1300" dirty="0">
              <a:solidFill>
                <a:schemeClr val="tx1">
                  <a:lumMod val="95000"/>
                  <a:lumOff val="5000"/>
                </a:schemeClr>
              </a:solidFill>
              <a:latin typeface="+mn-lt"/>
            </a:endParaRPr>
          </a:p>
        </p:txBody>
      </p:sp>
      <p:grpSp>
        <p:nvGrpSpPr>
          <p:cNvPr id="98" name="Group 97"/>
          <p:cNvGrpSpPr/>
          <p:nvPr/>
        </p:nvGrpSpPr>
        <p:grpSpPr>
          <a:xfrm>
            <a:off x="1088573" y="819150"/>
            <a:ext cx="6933577" cy="1504950"/>
            <a:chOff x="566066" y="1580418"/>
            <a:chExt cx="6933577" cy="2213292"/>
          </a:xfrm>
        </p:grpSpPr>
        <p:sp>
          <p:nvSpPr>
            <p:cNvPr id="48" name="Rounded Rectangle 47"/>
            <p:cNvSpPr/>
            <p:nvPr/>
          </p:nvSpPr>
          <p:spPr>
            <a:xfrm>
              <a:off x="566066" y="1580418"/>
              <a:ext cx="6933577" cy="2213292"/>
            </a:xfrm>
            <a:prstGeom prst="roundRect">
              <a:avLst/>
            </a:pr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3" name="TextBox 12"/>
            <p:cNvSpPr txBox="1"/>
            <p:nvPr/>
          </p:nvSpPr>
          <p:spPr>
            <a:xfrm>
              <a:off x="609680" y="1828871"/>
              <a:ext cx="6731515" cy="1656659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rtlCol="0">
              <a:spAutoFit/>
            </a:bodyPr>
            <a:lstStyle/>
            <a:p>
              <a:pPr>
                <a:lnSpc>
                  <a:spcPct val="120000"/>
                </a:lnSpc>
              </a:pPr>
              <a:r>
                <a:rPr lang="en-GB" sz="1400" b="1" dirty="0" smtClean="0">
                  <a:solidFill>
                    <a:srgbClr val="C00000"/>
                  </a:solidFill>
                </a:rPr>
                <a:t>Shopping is beyond functional, it is about </a:t>
              </a:r>
              <a:r>
                <a:rPr lang="en-GB" sz="1400" b="1" smtClean="0">
                  <a:solidFill>
                    <a:srgbClr val="C00000"/>
                  </a:solidFill>
                </a:rPr>
                <a:t>EMOTIONAL </a:t>
              </a:r>
            </a:p>
            <a:p>
              <a:pPr>
                <a:lnSpc>
                  <a:spcPct val="120000"/>
                </a:lnSpc>
              </a:pPr>
              <a:r>
                <a:rPr lang="en-GB" sz="1400" b="1" smtClean="0">
                  <a:solidFill>
                    <a:srgbClr val="C00000"/>
                  </a:solidFill>
                </a:rPr>
                <a:t>SEROTONIN </a:t>
              </a:r>
              <a:r>
                <a:rPr lang="en-GB" sz="1400" b="1" dirty="0" smtClean="0">
                  <a:solidFill>
                    <a:srgbClr val="C00000"/>
                  </a:solidFill>
                </a:rPr>
                <a:t>– </a:t>
              </a:r>
              <a:r>
                <a:rPr lang="en-GB" sz="1400" dirty="0" smtClean="0">
                  <a:solidFill>
                    <a:schemeClr val="tx1">
                      <a:lumMod val="95000"/>
                      <a:lumOff val="5000"/>
                    </a:schemeClr>
                  </a:solidFill>
                </a:rPr>
                <a:t>a way to access aspirational goods  and </a:t>
              </a:r>
              <a:r>
                <a:rPr lang="en-GB" sz="1400" smtClean="0">
                  <a:solidFill>
                    <a:schemeClr val="tx1">
                      <a:lumMod val="95000"/>
                      <a:lumOff val="5000"/>
                    </a:schemeClr>
                  </a:solidFill>
                </a:rPr>
                <a:t>restart </a:t>
              </a:r>
            </a:p>
            <a:p>
              <a:pPr>
                <a:lnSpc>
                  <a:spcPct val="120000"/>
                </a:lnSpc>
              </a:pPr>
              <a:r>
                <a:rPr lang="en-GB" sz="1400" smtClean="0">
                  <a:solidFill>
                    <a:schemeClr val="tx1">
                      <a:lumMod val="95000"/>
                      <a:lumOff val="5000"/>
                    </a:schemeClr>
                  </a:solidFill>
                </a:rPr>
                <a:t>your </a:t>
              </a:r>
              <a:r>
                <a:rPr lang="en-GB" sz="1400" dirty="0" smtClean="0">
                  <a:solidFill>
                    <a:schemeClr val="tx1">
                      <a:lumMod val="95000"/>
                      <a:lumOff val="5000"/>
                    </a:schemeClr>
                  </a:solidFill>
                </a:rPr>
                <a:t>mood/regain energy</a:t>
              </a:r>
            </a:p>
            <a:p>
              <a:pPr lvl="0">
                <a:lnSpc>
                  <a:spcPct val="120000"/>
                </a:lnSpc>
              </a:pPr>
              <a:r>
                <a:rPr lang="en-GB" sz="1400" dirty="0">
                  <a:solidFill>
                    <a:schemeClr val="tx1">
                      <a:lumMod val="95000"/>
                      <a:lumOff val="5000"/>
                    </a:schemeClr>
                  </a:solidFill>
                </a:rPr>
                <a:t>The modern hobby of the masses, as the most accessible treat one </a:t>
              </a:r>
              <a:r>
                <a:rPr lang="en-GB" sz="1400">
                  <a:solidFill>
                    <a:schemeClr val="tx1">
                      <a:lumMod val="95000"/>
                      <a:lumOff val="5000"/>
                    </a:schemeClr>
                  </a:solidFill>
                </a:rPr>
                <a:t>can </a:t>
              </a:r>
              <a:r>
                <a:rPr lang="en-GB" sz="1400" smtClean="0">
                  <a:solidFill>
                    <a:schemeClr val="tx1">
                      <a:lumMod val="95000"/>
                      <a:lumOff val="5000"/>
                    </a:schemeClr>
                  </a:solidFill>
                </a:rPr>
                <a:t>get</a:t>
              </a:r>
              <a:endParaRPr lang="en-GB" sz="1400" dirty="0">
                <a:solidFill>
                  <a:schemeClr val="tx1">
                    <a:lumMod val="95000"/>
                    <a:lumOff val="5000"/>
                  </a:schemeClr>
                </a:solidFill>
              </a:endParaRPr>
            </a:p>
          </p:txBody>
        </p:sp>
      </p:grpSp>
      <p:grpSp>
        <p:nvGrpSpPr>
          <p:cNvPr id="47" name="Group 46"/>
          <p:cNvGrpSpPr/>
          <p:nvPr/>
        </p:nvGrpSpPr>
        <p:grpSpPr>
          <a:xfrm flipH="1">
            <a:off x="6553202" y="1118108"/>
            <a:ext cx="1412383" cy="615443"/>
            <a:chOff x="232238" y="1277267"/>
            <a:chExt cx="2139683" cy="1450329"/>
          </a:xfrm>
        </p:grpSpPr>
        <p:grpSp>
          <p:nvGrpSpPr>
            <p:cNvPr id="40" name="Group 39"/>
            <p:cNvGrpSpPr/>
            <p:nvPr/>
          </p:nvGrpSpPr>
          <p:grpSpPr>
            <a:xfrm>
              <a:off x="232238" y="1277267"/>
              <a:ext cx="1890743" cy="1450329"/>
              <a:chOff x="232238" y="2119079"/>
              <a:chExt cx="1890743" cy="1450329"/>
            </a:xfrm>
          </p:grpSpPr>
          <p:pic>
            <p:nvPicPr>
              <p:cNvPr id="1026" name="Picture 2" descr="http://www.freevector.com/site_media/preview_images/FreeVector-Shopping-Vector-Icons.jpg"/>
              <p:cNvPicPr>
                <a:picLocks noChangeAspect="1" noChangeArrowheads="1"/>
              </p:cNvPicPr>
              <p:nvPr/>
            </p:nvPicPr>
            <p:blipFill rotWithShape="1">
              <a:blip r:embed="rId3" cstate="email">
                <a:biLevel thresh="75000"/>
                <a:extLst>
                  <a:ext uri="{BEBA8EAE-BF5A-486C-A8C5-ECC9F3942E4B}">
                    <a14:imgProps xmlns:a14="http://schemas.microsoft.com/office/drawing/2010/main">
                      <a14:imgLayer r:embed="rId4">
                        <a14:imgEffect>
                          <a14:backgroundRemoval t="10000" b="90000" l="10000" r="90000"/>
                        </a14:imgEffect>
                      </a14:imgLayer>
                    </a14:imgProps>
                  </a:ex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 l="51037" t="40686" r="9287" b="7792"/>
              <a:stretch/>
            </p:blipFill>
            <p:spPr bwMode="auto">
              <a:xfrm>
                <a:off x="232238" y="2119079"/>
                <a:ext cx="1494971" cy="1450329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sp>
            <p:nvSpPr>
              <p:cNvPr id="16" name="Freeform 15"/>
              <p:cNvSpPr/>
              <p:nvPr/>
            </p:nvSpPr>
            <p:spPr>
              <a:xfrm rot="2999030">
                <a:off x="1428940" y="2563212"/>
                <a:ext cx="938140" cy="449942"/>
              </a:xfrm>
              <a:custGeom>
                <a:avLst/>
                <a:gdLst>
                  <a:gd name="connsiteX0" fmla="*/ 0 w 1640115"/>
                  <a:gd name="connsiteY0" fmla="*/ 449942 h 449942"/>
                  <a:gd name="connsiteX1" fmla="*/ 87086 w 1640115"/>
                  <a:gd name="connsiteY1" fmla="*/ 304800 h 449942"/>
                  <a:gd name="connsiteX2" fmla="*/ 275772 w 1640115"/>
                  <a:gd name="connsiteY2" fmla="*/ 101600 h 449942"/>
                  <a:gd name="connsiteX3" fmla="*/ 609600 w 1640115"/>
                  <a:gd name="connsiteY3" fmla="*/ 130628 h 449942"/>
                  <a:gd name="connsiteX4" fmla="*/ 1045029 w 1640115"/>
                  <a:gd name="connsiteY4" fmla="*/ 275771 h 449942"/>
                  <a:gd name="connsiteX5" fmla="*/ 1262743 w 1640115"/>
                  <a:gd name="connsiteY5" fmla="*/ 188685 h 449942"/>
                  <a:gd name="connsiteX6" fmla="*/ 1393372 w 1640115"/>
                  <a:gd name="connsiteY6" fmla="*/ 58057 h 449942"/>
                  <a:gd name="connsiteX7" fmla="*/ 1640115 w 1640115"/>
                  <a:gd name="connsiteY7" fmla="*/ 0 h 44994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</a:cxnLst>
                <a:rect l="l" t="t" r="r" b="b"/>
                <a:pathLst>
                  <a:path w="1640115" h="449942">
                    <a:moveTo>
                      <a:pt x="0" y="449942"/>
                    </a:moveTo>
                    <a:cubicBezTo>
                      <a:pt x="20562" y="406399"/>
                      <a:pt x="41124" y="362857"/>
                      <a:pt x="87086" y="304800"/>
                    </a:cubicBezTo>
                    <a:cubicBezTo>
                      <a:pt x="133048" y="246743"/>
                      <a:pt x="188686" y="130629"/>
                      <a:pt x="275772" y="101600"/>
                    </a:cubicBezTo>
                    <a:cubicBezTo>
                      <a:pt x="362858" y="72571"/>
                      <a:pt x="481391" y="101600"/>
                      <a:pt x="609600" y="130628"/>
                    </a:cubicBezTo>
                    <a:cubicBezTo>
                      <a:pt x="737809" y="159656"/>
                      <a:pt x="936172" y="266095"/>
                      <a:pt x="1045029" y="275771"/>
                    </a:cubicBezTo>
                    <a:cubicBezTo>
                      <a:pt x="1153886" y="285447"/>
                      <a:pt x="1204686" y="224971"/>
                      <a:pt x="1262743" y="188685"/>
                    </a:cubicBezTo>
                    <a:cubicBezTo>
                      <a:pt x="1320800" y="152399"/>
                      <a:pt x="1330477" y="89504"/>
                      <a:pt x="1393372" y="58057"/>
                    </a:cubicBezTo>
                    <a:cubicBezTo>
                      <a:pt x="1456267" y="26609"/>
                      <a:pt x="1548191" y="13304"/>
                      <a:pt x="1640115" y="0"/>
                    </a:cubicBezTo>
                  </a:path>
                </a:pathLst>
              </a:custGeom>
              <a:ln>
                <a:solidFill>
                  <a:schemeClr val="tx1">
                    <a:lumMod val="95000"/>
                    <a:lumOff val="5000"/>
                  </a:schemeClr>
                </a:solidFill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  <p:sp>
          <p:nvSpPr>
            <p:cNvPr id="46" name="Oval 45"/>
            <p:cNvSpPr/>
            <p:nvPr/>
          </p:nvSpPr>
          <p:spPr>
            <a:xfrm>
              <a:off x="2249714" y="2002431"/>
              <a:ext cx="122207" cy="193759"/>
            </a:xfrm>
            <a:prstGeom prst="ellipse">
              <a:avLst/>
            </a:prstGeom>
            <a:solidFill>
              <a:schemeClr val="tx1">
                <a:lumMod val="95000"/>
                <a:lumOff val="5000"/>
              </a:schemeClr>
            </a:solidFill>
            <a:ln>
              <a:solidFill>
                <a:schemeClr val="tx1">
                  <a:lumMod val="95000"/>
                  <a:lumOff val="5000"/>
                </a:schemeClr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cxnSp>
        <p:nvCxnSpPr>
          <p:cNvPr id="106" name="Straight Arrow Connector 105"/>
          <p:cNvCxnSpPr/>
          <p:nvPr/>
        </p:nvCxnSpPr>
        <p:spPr>
          <a:xfrm>
            <a:off x="1291772" y="2419351"/>
            <a:ext cx="0" cy="461177"/>
          </a:xfrm>
          <a:prstGeom prst="straightConnector1">
            <a:avLst/>
          </a:prstGeom>
          <a:ln>
            <a:solidFill>
              <a:schemeClr val="bg1">
                <a:lumMod val="65000"/>
              </a:schemeClr>
            </a:solidFill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07" name="TextBox 106"/>
          <p:cNvSpPr txBox="1"/>
          <p:nvPr/>
        </p:nvSpPr>
        <p:spPr>
          <a:xfrm>
            <a:off x="1371600" y="2474952"/>
            <a:ext cx="2206172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500" b="1" dirty="0" smtClean="0"/>
              <a:t>Some trends in shopping</a:t>
            </a:r>
            <a:endParaRPr lang="en-US" sz="1500" b="1" dirty="0"/>
          </a:p>
        </p:txBody>
      </p:sp>
      <p:pic>
        <p:nvPicPr>
          <p:cNvPr id="1027" name="Picture 3" descr="C:\D vechi\emilia dorobantu transfer pc\d\Emilia Dorobantu\Nu Sterge\PROIECTE 2015\MEGA IMAGE BRAND ASSES FEB\poze\20150217_122000.jpg"/>
          <p:cNvPicPr>
            <a:picLocks noChangeAspect="1" noChangeArrowheads="1"/>
          </p:cNvPicPr>
          <p:nvPr/>
        </p:nvPicPr>
        <p:blipFill rotWithShape="1"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7690299" y="2588404"/>
            <a:ext cx="1041172" cy="507992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/>
          <a:extLst/>
        </p:spPr>
      </p:pic>
      <p:sp>
        <p:nvSpPr>
          <p:cNvPr id="62" name="Rounded Rectangular Callout 61"/>
          <p:cNvSpPr/>
          <p:nvPr/>
        </p:nvSpPr>
        <p:spPr>
          <a:xfrm>
            <a:off x="3784201" y="4167784"/>
            <a:ext cx="3454801" cy="766167"/>
          </a:xfrm>
          <a:prstGeom prst="wedgeRoundRectCallout">
            <a:avLst>
              <a:gd name="adj1" fmla="val -63219"/>
              <a:gd name="adj2" fmla="val -57544"/>
              <a:gd name="adj3" fmla="val 16667"/>
            </a:avLst>
          </a:prstGeom>
          <a:noFill/>
          <a:ln>
            <a:solidFill>
              <a:schemeClr val="bg1">
                <a:lumMod val="75000"/>
              </a:schemeClr>
            </a:solidFill>
          </a:ln>
        </p:spPr>
        <p:txBody>
          <a:bodyPr wrap="square">
            <a:spAutoFit/>
          </a:bodyPr>
          <a:lstStyle/>
          <a:p>
            <a:pPr marL="0" lvl="1"/>
            <a:r>
              <a:rPr lang="en-GB" sz="1300" b="1" dirty="0" smtClean="0">
                <a:solidFill>
                  <a:schemeClr val="tx1">
                    <a:lumMod val="95000"/>
                    <a:lumOff val="5000"/>
                  </a:schemeClr>
                </a:solidFill>
              </a:rPr>
              <a:t>Increased</a:t>
            </a:r>
            <a:r>
              <a:rPr lang="en-GB" sz="1300" b="1" dirty="0" smtClean="0">
                <a:solidFill>
                  <a:schemeClr val="tx1">
                    <a:lumMod val="95000"/>
                    <a:lumOff val="5000"/>
                  </a:schemeClr>
                </a:solidFill>
                <a:latin typeface="+mn-lt"/>
              </a:rPr>
              <a:t> shopping frequency, smaller quantities</a:t>
            </a:r>
            <a:r>
              <a:rPr lang="en-GB" sz="1300" dirty="0">
                <a:solidFill>
                  <a:schemeClr val="tx1">
                    <a:lumMod val="95000"/>
                    <a:lumOff val="5000"/>
                  </a:schemeClr>
                </a:solidFill>
              </a:rPr>
              <a:t> </a:t>
            </a:r>
            <a:r>
              <a:rPr lang="en-GB" sz="1300" dirty="0" smtClean="0">
                <a:solidFill>
                  <a:schemeClr val="tx1">
                    <a:lumMod val="95000"/>
                    <a:lumOff val="5000"/>
                  </a:schemeClr>
                </a:solidFill>
              </a:rPr>
              <a:t>which gives them the feeling of healthier diet/life</a:t>
            </a:r>
            <a:endParaRPr lang="en-GB" sz="1300" dirty="0" smtClean="0">
              <a:solidFill>
                <a:schemeClr val="tx1">
                  <a:lumMod val="95000"/>
                  <a:lumOff val="5000"/>
                </a:schemeClr>
              </a:solidFill>
              <a:latin typeface="+mn-lt"/>
            </a:endParaRPr>
          </a:p>
        </p:txBody>
      </p:sp>
      <p:cxnSp>
        <p:nvCxnSpPr>
          <p:cNvPr id="127" name="Straight Connector 126"/>
          <p:cNvCxnSpPr/>
          <p:nvPr/>
        </p:nvCxnSpPr>
        <p:spPr>
          <a:xfrm>
            <a:off x="7356535" y="2814583"/>
            <a:ext cx="382072" cy="0"/>
          </a:xfrm>
          <a:prstGeom prst="line">
            <a:avLst/>
          </a:prstGeom>
          <a:ln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29" name="Straight Connector 128"/>
          <p:cNvCxnSpPr/>
          <p:nvPr/>
        </p:nvCxnSpPr>
        <p:spPr>
          <a:xfrm>
            <a:off x="7066255" y="3638550"/>
            <a:ext cx="382072" cy="0"/>
          </a:xfrm>
          <a:prstGeom prst="line">
            <a:avLst/>
          </a:prstGeom>
          <a:ln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21" name="Group 120"/>
          <p:cNvGrpSpPr/>
          <p:nvPr/>
        </p:nvGrpSpPr>
        <p:grpSpPr>
          <a:xfrm>
            <a:off x="7363607" y="4148128"/>
            <a:ext cx="1512785" cy="481023"/>
            <a:chOff x="7494230" y="5610507"/>
            <a:chExt cx="1512785" cy="641364"/>
          </a:xfrm>
        </p:grpSpPr>
        <p:cxnSp>
          <p:nvCxnSpPr>
            <p:cNvPr id="122" name="Straight Connector 121"/>
            <p:cNvCxnSpPr/>
            <p:nvPr/>
          </p:nvCxnSpPr>
          <p:spPr>
            <a:xfrm>
              <a:off x="7494230" y="5969676"/>
              <a:ext cx="382072" cy="0"/>
            </a:xfrm>
            <a:prstGeom prst="line">
              <a:avLst/>
            </a:prstGeom>
            <a:ln>
              <a:solidFill>
                <a:schemeClr val="bg1">
                  <a:lumMod val="85000"/>
                </a:schemeClr>
              </a:solidFill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19" name="Group 118"/>
            <p:cNvGrpSpPr/>
            <p:nvPr/>
          </p:nvGrpSpPr>
          <p:grpSpPr>
            <a:xfrm>
              <a:off x="7777566" y="5610507"/>
              <a:ext cx="1229449" cy="641364"/>
              <a:chOff x="6671954" y="4628286"/>
              <a:chExt cx="1431462" cy="841253"/>
            </a:xfrm>
          </p:grpSpPr>
          <p:pic>
            <p:nvPicPr>
              <p:cNvPr id="1030" name="Picture 6" descr="C:\D vechi\emilia dorobantu transfer pc\d\Emilia Dorobantu\Nu Sterge\PROIECTE 2015\MEGA IMAGE BRAND ASSES FEB\poze\20150224_181838.jpg"/>
              <p:cNvPicPr>
                <a:picLocks noChangeAspect="1" noChangeArrowheads="1"/>
              </p:cNvPicPr>
              <p:nvPr/>
            </p:nvPicPr>
            <p:blipFill>
              <a:blip r:embed="rId6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6671954" y="4628286"/>
                <a:ext cx="504752" cy="841253"/>
              </a:xfrm>
              <a:prstGeom prst="roundRect">
                <a:avLst>
                  <a:gd name="adj" fmla="val 8594"/>
                </a:avLst>
              </a:prstGeom>
              <a:solidFill>
                <a:srgbClr val="FFFFFF">
                  <a:shade val="85000"/>
                </a:srgbClr>
              </a:solidFill>
              <a:ln>
                <a:noFill/>
              </a:ln>
              <a:effectLst/>
              <a:extLst/>
            </p:spPr>
          </p:pic>
          <p:pic>
            <p:nvPicPr>
              <p:cNvPr id="1031" name="Picture 7" descr="C:\D vechi\emilia dorobantu transfer pc\d\Emilia Dorobantu\Nu Sterge\PROIECTE 2015\MEGA IMAGE BRAND ASSES FEB\poze\20150219_121521.jpg"/>
              <p:cNvPicPr>
                <a:picLocks noChangeAspect="1" noChangeArrowheads="1"/>
              </p:cNvPicPr>
              <p:nvPr/>
            </p:nvPicPr>
            <p:blipFill rotWithShape="1">
              <a:blip r:embed="rId7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 bwMode="auto">
              <a:xfrm>
                <a:off x="7237685" y="4628286"/>
                <a:ext cx="865731" cy="841253"/>
              </a:xfrm>
              <a:prstGeom prst="roundRect">
                <a:avLst>
                  <a:gd name="adj" fmla="val 8594"/>
                </a:avLst>
              </a:prstGeom>
              <a:solidFill>
                <a:srgbClr val="FFFFFF">
                  <a:shade val="85000"/>
                </a:srgbClr>
              </a:solidFill>
              <a:ln>
                <a:noFill/>
              </a:ln>
              <a:effectLst>
                <a:reflection blurRad="12700" stA="38000" endPos="28000" dist="5000" dir="5400000" sy="-100000" algn="bl" rotWithShape="0"/>
              </a:effectLst>
              <a:extLst/>
            </p:spPr>
          </p:pic>
        </p:grpSp>
      </p:grpSp>
      <p:grpSp>
        <p:nvGrpSpPr>
          <p:cNvPr id="118" name="Group 117"/>
          <p:cNvGrpSpPr/>
          <p:nvPr/>
        </p:nvGrpSpPr>
        <p:grpSpPr>
          <a:xfrm>
            <a:off x="7309220" y="3345334"/>
            <a:ext cx="1423879" cy="598017"/>
            <a:chOff x="7443839" y="5571137"/>
            <a:chExt cx="1423879" cy="797356"/>
          </a:xfrm>
        </p:grpSpPr>
        <p:pic>
          <p:nvPicPr>
            <p:cNvPr id="1028" name="Picture 4" descr="C:\D vechi\emilia dorobantu transfer pc\d\Emilia Dorobantu\Nu Sterge\PROIECTE 2015\MEGA IMAGE BRAND ASSES FEB\poze\20150219_175459.jpg"/>
            <p:cNvPicPr>
              <a:picLocks noChangeAspect="1" noChangeArrowheads="1"/>
            </p:cNvPicPr>
            <p:nvPr/>
          </p:nvPicPr>
          <p:blipFill>
            <a:blip r:embed="rId8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389304" y="5571137"/>
              <a:ext cx="478414" cy="797356"/>
            </a:xfrm>
            <a:prstGeom prst="roundRect">
              <a:avLst>
                <a:gd name="adj" fmla="val 8594"/>
              </a:avLst>
            </a:prstGeom>
            <a:solidFill>
              <a:srgbClr val="FFFFFF">
                <a:shade val="85000"/>
              </a:srgbClr>
            </a:solidFill>
            <a:ln>
              <a:noFill/>
            </a:ln>
            <a:effectLst/>
            <a:extLst/>
          </p:spPr>
        </p:pic>
        <p:pic>
          <p:nvPicPr>
            <p:cNvPr id="1029" name="Picture 5" descr="C:\D vechi\emilia dorobantu transfer pc\d\Emilia Dorobantu\Nu Sterge\PROIECTE 2015\MEGA IMAGE BRAND ASSES FEB\poze\20150223_155307.jpg"/>
            <p:cNvPicPr>
              <a:picLocks noChangeAspect="1" noChangeArrowheads="1"/>
            </p:cNvPicPr>
            <p:nvPr/>
          </p:nvPicPr>
          <p:blipFill>
            <a:blip r:embed="rId9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7443839" y="5717818"/>
              <a:ext cx="915129" cy="549077"/>
            </a:xfrm>
            <a:prstGeom prst="roundRect">
              <a:avLst>
                <a:gd name="adj" fmla="val 8594"/>
              </a:avLst>
            </a:prstGeom>
            <a:solidFill>
              <a:srgbClr val="FFFFFF">
                <a:shade val="85000"/>
              </a:srgbClr>
            </a:solidFill>
            <a:ln>
              <a:noFill/>
            </a:ln>
            <a:effectLst/>
            <a:extLst/>
          </p:spPr>
        </p:pic>
      </p:grpSp>
      <p:sp>
        <p:nvSpPr>
          <p:cNvPr id="31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14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32" name="TextBox 31"/>
          <p:cNvSpPr txBox="1"/>
          <p:nvPr/>
        </p:nvSpPr>
        <p:spPr>
          <a:xfrm>
            <a:off x="3657602" y="4916330"/>
            <a:ext cx="4147289" cy="24622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000" i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Source: Brand image &amp; customer profile study, Unlock Research 2015</a:t>
            </a:r>
          </a:p>
        </p:txBody>
      </p:sp>
      <p:pic>
        <p:nvPicPr>
          <p:cNvPr id="34" name="Picture 29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4166039944"/>
      </p:ext>
    </p:extLst>
  </p:cSld>
  <p:clrMapOvr>
    <a:masterClrMapping/>
  </p:clrMapOvr>
  <p:transition spd="med"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5807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15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2" name="AutoShape 2" descr="Imagini pentru economics"/>
          <p:cNvSpPr>
            <a:spLocks noChangeAspect="1" noChangeArrowheads="1"/>
          </p:cNvSpPr>
          <p:nvPr/>
        </p:nvSpPr>
        <p:spPr bwMode="auto">
          <a:xfrm>
            <a:off x="155575" y="-108346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3" name="AutoShape 4" descr="Imagini pentru economics"/>
          <p:cNvSpPr>
            <a:spLocks noChangeAspect="1" noChangeArrowheads="1"/>
          </p:cNvSpPr>
          <p:nvPr/>
        </p:nvSpPr>
        <p:spPr bwMode="auto">
          <a:xfrm>
            <a:off x="307975" y="59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4" name="AutoShape 5" descr="Imagini pentru customer"/>
          <p:cNvSpPr>
            <a:spLocks noChangeAspect="1" noChangeArrowheads="1"/>
          </p:cNvSpPr>
          <p:nvPr/>
        </p:nvSpPr>
        <p:spPr bwMode="auto">
          <a:xfrm>
            <a:off x="460375" y="1202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pic>
        <p:nvPicPr>
          <p:cNvPr id="115732" name="Picture 20" descr="C:\Users\anamaria_ionita\Desktop\Prezentare Mega\Preze-07.jp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6" y="-4572"/>
            <a:ext cx="9143874" cy="51480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TextBox 13"/>
          <p:cNvSpPr txBox="1"/>
          <p:nvPr/>
        </p:nvSpPr>
        <p:spPr>
          <a:xfrm>
            <a:off x="3276600" y="2095440"/>
            <a:ext cx="3810000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dirty="0" smtClean="0">
                <a:solidFill>
                  <a:schemeClr val="bg1"/>
                </a:solidFill>
              </a:rPr>
              <a:t>RETAIL MARKET</a:t>
            </a:r>
            <a:endParaRPr lang="en-US" sz="2800" b="1" dirty="0">
              <a:solidFill>
                <a:schemeClr val="bg1"/>
              </a:solidFill>
            </a:endParaRPr>
          </a:p>
        </p:txBody>
      </p:sp>
      <p:pic>
        <p:nvPicPr>
          <p:cNvPr id="9" name="Picture 29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637660113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BainBulletsConfiguration" hidden="1"/>
          <p:cNvSpPr txBox="1"/>
          <p:nvPr/>
        </p:nvSpPr>
        <p:spPr>
          <a:xfrm>
            <a:off x="11935" y="8776"/>
            <a:ext cx="8354772" cy="101415"/>
          </a:xfrm>
          <a:prstGeom prst="rect">
            <a:avLst/>
          </a:prstGeom>
          <a:noFill/>
        </p:spPr>
        <p:txBody>
          <a:bodyPr vert="horz" wrap="square" lIns="42597" tIns="42597" rIns="42597" bIns="42597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13_89 20_89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3" name="TextBox 12"/>
          <p:cNvSpPr txBox="1"/>
          <p:nvPr>
            <p:custDataLst>
              <p:tags r:id="rId1"/>
            </p:custDataLst>
          </p:nvPr>
        </p:nvSpPr>
        <p:spPr>
          <a:xfrm>
            <a:off x="1729746" y="590550"/>
            <a:ext cx="7227919" cy="2667000"/>
          </a:xfrm>
          <a:prstGeom prst="roundRect">
            <a:avLst/>
          </a:prstGeom>
          <a:noFill/>
          <a:ln w="12700">
            <a:solidFill>
              <a:schemeClr val="bg1">
                <a:lumMod val="75000"/>
              </a:schemeClr>
            </a:solidFill>
          </a:ln>
        </p:spPr>
        <p:txBody>
          <a:bodyPr vert="horz" wrap="square" lIns="42597" tIns="42597" rIns="42597" bIns="42597" rtlCol="0">
            <a:noAutofit/>
          </a:bodyPr>
          <a:lstStyle/>
          <a:p>
            <a:pPr marL="170094" indent="-170094">
              <a:spcBef>
                <a:spcPts val="140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300" dirty="0" smtClean="0">
                <a:solidFill>
                  <a:schemeClr val="accent6"/>
                </a:solidFill>
              </a:rPr>
              <a:t>Romania’s Modern retail market: a </a:t>
            </a:r>
            <a:r>
              <a:rPr lang="en-US" sz="1300" b="1" smtClean="0">
                <a:solidFill>
                  <a:schemeClr val="accent6"/>
                </a:solidFill>
              </a:rPr>
              <a:t>multinational</a:t>
            </a:r>
            <a:r>
              <a:rPr lang="en-US" sz="1300" smtClean="0">
                <a:solidFill>
                  <a:schemeClr val="accent6"/>
                </a:solidFill>
              </a:rPr>
              <a:t> environment</a:t>
            </a:r>
          </a:p>
          <a:p>
            <a:pPr marL="170094" indent="-170094">
              <a:spcBef>
                <a:spcPts val="140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300" smtClean="0">
                <a:solidFill>
                  <a:schemeClr val="accent6"/>
                </a:solidFill>
              </a:rPr>
              <a:t>Romania’s </a:t>
            </a:r>
            <a:r>
              <a:rPr lang="en-US" sz="1300" dirty="0" smtClean="0">
                <a:solidFill>
                  <a:schemeClr val="accent6"/>
                </a:solidFill>
              </a:rPr>
              <a:t>Modern grocery market is </a:t>
            </a:r>
            <a:r>
              <a:rPr lang="en-US" sz="1300" b="1" dirty="0" smtClean="0">
                <a:solidFill>
                  <a:schemeClr val="accent6"/>
                </a:solidFill>
              </a:rPr>
              <a:t>very centralized </a:t>
            </a:r>
            <a:r>
              <a:rPr lang="en-US" sz="1300" b="1" smtClean="0">
                <a:solidFill>
                  <a:schemeClr val="accent6"/>
                </a:solidFill>
              </a:rPr>
              <a:t>around </a:t>
            </a:r>
            <a:r>
              <a:rPr lang="en-US" sz="1300" b="1">
                <a:solidFill>
                  <a:schemeClr val="accent6"/>
                </a:solidFill>
              </a:rPr>
              <a:t>Bucharest and big cities</a:t>
            </a:r>
            <a:endParaRPr lang="en-US" sz="1300" b="1" dirty="0" smtClean="0">
              <a:solidFill>
                <a:schemeClr val="accent6"/>
              </a:solidFill>
            </a:endParaRPr>
          </a:p>
          <a:p>
            <a:pPr marL="170094" indent="-170094">
              <a:spcBef>
                <a:spcPts val="140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300" dirty="0" smtClean="0">
                <a:solidFill>
                  <a:schemeClr val="accent6"/>
                </a:solidFill>
              </a:rPr>
              <a:t>F</a:t>
            </a:r>
            <a:r>
              <a:rPr lang="en-US" sz="1300" dirty="0" smtClean="0"/>
              <a:t>ragmented food industry</a:t>
            </a:r>
          </a:p>
          <a:p>
            <a:pPr marL="418578" lvl="1" indent="-170094">
              <a:spcBef>
                <a:spcPts val="423"/>
              </a:spcBef>
              <a:buSzPct val="100000"/>
              <a:buFont typeface="Verdana" panose="020B0604030504040204" pitchFamily="34" charset="0"/>
              <a:buChar char="-"/>
            </a:pPr>
            <a:r>
              <a:rPr lang="en-US" sz="1300" b="1" dirty="0" smtClean="0">
                <a:solidFill>
                  <a:schemeClr val="accent6"/>
                </a:solidFill>
              </a:rPr>
              <a:t>Hypermarket </a:t>
            </a:r>
            <a:r>
              <a:rPr lang="en-US" sz="1300" dirty="0">
                <a:solidFill>
                  <a:schemeClr val="accent6"/>
                </a:solidFill>
              </a:rPr>
              <a:t>is the main format </a:t>
            </a:r>
            <a:r>
              <a:rPr lang="en-US" sz="1300" b="1" dirty="0">
                <a:solidFill>
                  <a:schemeClr val="accent6"/>
                </a:solidFill>
              </a:rPr>
              <a:t>(~46% of modern retail) </a:t>
            </a:r>
            <a:r>
              <a:rPr lang="en-US" sz="1300" dirty="0">
                <a:solidFill>
                  <a:schemeClr val="accent6"/>
                </a:solidFill>
              </a:rPr>
              <a:t>but is growing slower than other main formats</a:t>
            </a:r>
          </a:p>
          <a:p>
            <a:pPr marL="418578" lvl="1" indent="-170094">
              <a:spcBef>
                <a:spcPts val="423"/>
              </a:spcBef>
              <a:buSzPct val="100000"/>
              <a:buFont typeface="Verdana" panose="020B0604030504040204" pitchFamily="34" charset="0"/>
              <a:buChar char="-"/>
            </a:pPr>
            <a:r>
              <a:rPr lang="en-US" sz="1300" b="1" dirty="0">
                <a:solidFill>
                  <a:schemeClr val="accent6"/>
                </a:solidFill>
              </a:rPr>
              <a:t>Convenience stores </a:t>
            </a:r>
            <a:r>
              <a:rPr lang="en-US" sz="1300" dirty="0">
                <a:solidFill>
                  <a:schemeClr val="accent6"/>
                </a:solidFill>
              </a:rPr>
              <a:t>have grown </a:t>
            </a:r>
            <a:r>
              <a:rPr lang="en-US" sz="1300" dirty="0" smtClean="0">
                <a:solidFill>
                  <a:schemeClr val="accent6"/>
                </a:solidFill>
              </a:rPr>
              <a:t>and expected to grow the fastest, </a:t>
            </a:r>
            <a:r>
              <a:rPr lang="en-US" sz="1300" dirty="0">
                <a:solidFill>
                  <a:schemeClr val="accent6"/>
                </a:solidFill>
              </a:rPr>
              <a:t>followed by </a:t>
            </a:r>
            <a:r>
              <a:rPr lang="en-US" sz="1300" b="1" dirty="0">
                <a:solidFill>
                  <a:schemeClr val="accent6"/>
                </a:solidFill>
              </a:rPr>
              <a:t>supermarkets</a:t>
            </a:r>
            <a:r>
              <a:rPr lang="en-US" sz="1300" dirty="0">
                <a:solidFill>
                  <a:schemeClr val="accent6"/>
                </a:solidFill>
              </a:rPr>
              <a:t> </a:t>
            </a:r>
            <a:endParaRPr lang="en-US" sz="1300" dirty="0" smtClean="0">
              <a:solidFill>
                <a:schemeClr val="accent6"/>
              </a:solidFill>
            </a:endParaRPr>
          </a:p>
          <a:p>
            <a:pPr marL="170094" lvl="1" indent="-170094">
              <a:spcBef>
                <a:spcPts val="1409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300" dirty="0">
                <a:solidFill>
                  <a:schemeClr val="accent6"/>
                </a:solidFill>
              </a:rPr>
              <a:t>The share of food in total expenditure will remain high for several more </a:t>
            </a:r>
            <a:r>
              <a:rPr lang="en-US" sz="1300">
                <a:solidFill>
                  <a:schemeClr val="accent6"/>
                </a:solidFill>
              </a:rPr>
              <a:t>years </a:t>
            </a:r>
            <a:r>
              <a:rPr lang="en-US" sz="1300" smtClean="0">
                <a:solidFill>
                  <a:schemeClr val="accent6"/>
                </a:solidFill>
              </a:rPr>
              <a:t>(50%)</a:t>
            </a:r>
            <a:endParaRPr lang="en-US" sz="1300" dirty="0">
              <a:solidFill>
                <a:schemeClr val="accent6"/>
              </a:solidFill>
            </a:endParaRPr>
          </a:p>
        </p:txBody>
      </p:sp>
      <p:sp>
        <p:nvSpPr>
          <p:cNvPr id="17" name="Rectangle 16"/>
          <p:cNvSpPr/>
          <p:nvPr/>
        </p:nvSpPr>
        <p:spPr bwMode="gray">
          <a:xfrm>
            <a:off x="152400" y="807038"/>
            <a:ext cx="1577346" cy="2279062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2577" tIns="42577" rIns="42577" bIns="42577" rtlCol="0" anchor="ctr"/>
          <a:lstStyle/>
          <a:p>
            <a:pPr algn="ctr" defTabSz="913763"/>
            <a:r>
              <a:rPr lang="en-US" sz="1300" b="1" dirty="0" smtClean="0">
                <a:solidFill>
                  <a:srgbClr val="C00000"/>
                </a:solidFill>
                <a:latin typeface="+mj-lt"/>
              </a:rPr>
              <a:t>MARKET ATTRACTIVENESS</a:t>
            </a:r>
            <a:endParaRPr lang="en-US" sz="1300" b="1" dirty="0">
              <a:solidFill>
                <a:srgbClr val="C00000"/>
              </a:solidFill>
              <a:latin typeface="+mj-lt"/>
            </a:endParaRPr>
          </a:p>
        </p:txBody>
      </p:sp>
      <p:sp>
        <p:nvSpPr>
          <p:cNvPr id="19" name="Rectangle 18"/>
          <p:cNvSpPr/>
          <p:nvPr/>
        </p:nvSpPr>
        <p:spPr bwMode="gray">
          <a:xfrm>
            <a:off x="263304" y="3257550"/>
            <a:ext cx="1356236" cy="1403952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2577" tIns="42577" rIns="42577" bIns="42577" rtlCol="0" anchor="ctr"/>
          <a:lstStyle/>
          <a:p>
            <a:pPr algn="ctr" defTabSz="913763"/>
            <a:r>
              <a:rPr lang="en-US" sz="1300" b="1" dirty="0" smtClean="0">
                <a:solidFill>
                  <a:srgbClr val="C00000"/>
                </a:solidFill>
                <a:latin typeface="+mj-lt"/>
              </a:rPr>
              <a:t>COMPETITIVE LANDSCAPE</a:t>
            </a:r>
            <a:endParaRPr lang="en-US" sz="1300" b="1" dirty="0">
              <a:solidFill>
                <a:srgbClr val="C00000"/>
              </a:solidFill>
              <a:latin typeface="+mj-lt"/>
            </a:endParaRPr>
          </a:p>
        </p:txBody>
      </p:sp>
      <p:sp>
        <p:nvSpPr>
          <p:cNvPr id="20" name="TextBox 19"/>
          <p:cNvSpPr txBox="1"/>
          <p:nvPr>
            <p:custDataLst>
              <p:tags r:id="rId2"/>
            </p:custDataLst>
          </p:nvPr>
        </p:nvSpPr>
        <p:spPr>
          <a:xfrm>
            <a:off x="1729746" y="3333750"/>
            <a:ext cx="7227919" cy="1676400"/>
          </a:xfrm>
          <a:prstGeom prst="roundRect">
            <a:avLst/>
          </a:prstGeom>
          <a:noFill/>
          <a:ln w="1270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vert="horz" wrap="square" lIns="42597" tIns="42597" rIns="42597" bIns="42597" rtlCol="0">
            <a:noAutofit/>
          </a:bodyPr>
          <a:lstStyle/>
          <a:p>
            <a:pPr marL="170094" indent="-170094">
              <a:spcBef>
                <a:spcPts val="587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300" dirty="0">
                <a:solidFill>
                  <a:schemeClr val="accent6"/>
                </a:solidFill>
              </a:rPr>
              <a:t>Food distribution channels have been continuously expanding</a:t>
            </a:r>
          </a:p>
          <a:p>
            <a:pPr marL="170094" indent="-170094">
              <a:spcBef>
                <a:spcPts val="587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300" b="1" dirty="0" smtClean="0">
                <a:solidFill>
                  <a:schemeClr val="accent6"/>
                </a:solidFill>
              </a:rPr>
              <a:t>Top players </a:t>
            </a:r>
            <a:r>
              <a:rPr lang="en-US" sz="1300" dirty="0" smtClean="0">
                <a:solidFill>
                  <a:schemeClr val="accent6"/>
                </a:solidFill>
              </a:rPr>
              <a:t>reach more than </a:t>
            </a:r>
            <a:r>
              <a:rPr lang="en-US" sz="1300" b="1" dirty="0" smtClean="0">
                <a:solidFill>
                  <a:schemeClr val="accent6"/>
                </a:solidFill>
              </a:rPr>
              <a:t>50% Market share</a:t>
            </a:r>
          </a:p>
          <a:p>
            <a:pPr marL="170094" indent="-170094">
              <a:spcBef>
                <a:spcPts val="587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300" b="1" dirty="0" smtClean="0">
                <a:solidFill>
                  <a:schemeClr val="accent6"/>
                </a:solidFill>
              </a:rPr>
              <a:t>Mega </a:t>
            </a:r>
            <a:r>
              <a:rPr lang="en-US" sz="1300" b="1" dirty="0">
                <a:solidFill>
                  <a:schemeClr val="accent6"/>
                </a:solidFill>
              </a:rPr>
              <a:t>Image </a:t>
            </a:r>
            <a:r>
              <a:rPr lang="en-US" sz="1300" dirty="0">
                <a:solidFill>
                  <a:schemeClr val="accent6"/>
                </a:solidFill>
              </a:rPr>
              <a:t>has been </a:t>
            </a:r>
            <a:r>
              <a:rPr lang="en-US" sz="1300" b="1" dirty="0">
                <a:solidFill>
                  <a:schemeClr val="accent6"/>
                </a:solidFill>
              </a:rPr>
              <a:t>one </a:t>
            </a:r>
            <a:r>
              <a:rPr lang="en-GB" sz="1300" b="1" dirty="0">
                <a:solidFill>
                  <a:schemeClr val="accent6"/>
                </a:solidFill>
              </a:rPr>
              <a:t>of the fastest growing players </a:t>
            </a:r>
            <a:r>
              <a:rPr lang="en-GB" sz="1300" dirty="0">
                <a:solidFill>
                  <a:schemeClr val="accent6"/>
                </a:solidFill>
              </a:rPr>
              <a:t>in the market </a:t>
            </a:r>
            <a:r>
              <a:rPr lang="en-GB" sz="1300" dirty="0" smtClean="0">
                <a:solidFill>
                  <a:schemeClr val="accent6"/>
                </a:solidFill>
              </a:rPr>
              <a:t>(+35% sales growth over 2010-2015), </a:t>
            </a:r>
          </a:p>
          <a:p>
            <a:pPr marL="170094" indent="-170094">
              <a:spcBef>
                <a:spcPts val="587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GB" sz="1300" dirty="0" smtClean="0">
                <a:solidFill>
                  <a:schemeClr val="accent6"/>
                </a:solidFill>
              </a:rPr>
              <a:t>Across </a:t>
            </a:r>
            <a:r>
              <a:rPr lang="en-GB" sz="1300" dirty="0">
                <a:solidFill>
                  <a:schemeClr val="accent6"/>
                </a:solidFill>
              </a:rPr>
              <a:t>formats, Mega Image </a:t>
            </a:r>
            <a:r>
              <a:rPr lang="en-GB" sz="1300" dirty="0" smtClean="0">
                <a:solidFill>
                  <a:schemeClr val="accent6"/>
                </a:solidFill>
              </a:rPr>
              <a:t>is </a:t>
            </a:r>
            <a:r>
              <a:rPr lang="en-US" sz="1300" b="1" dirty="0" smtClean="0">
                <a:solidFill>
                  <a:schemeClr val="accent6"/>
                </a:solidFill>
              </a:rPr>
              <a:t>#1 </a:t>
            </a:r>
            <a:r>
              <a:rPr lang="en-US" sz="1300" b="1" dirty="0">
                <a:solidFill>
                  <a:schemeClr val="accent6"/>
                </a:solidFill>
              </a:rPr>
              <a:t>in </a:t>
            </a:r>
            <a:r>
              <a:rPr lang="en-US" sz="1300" b="1" dirty="0" smtClean="0">
                <a:solidFill>
                  <a:schemeClr val="accent6"/>
                </a:solidFill>
              </a:rPr>
              <a:t>Supermarkets </a:t>
            </a:r>
            <a:r>
              <a:rPr lang="en-US" sz="1300" dirty="0" smtClean="0">
                <a:solidFill>
                  <a:schemeClr val="accent6"/>
                </a:solidFill>
              </a:rPr>
              <a:t>and</a:t>
            </a:r>
            <a:r>
              <a:rPr lang="en-US" sz="1300" b="1" dirty="0" smtClean="0">
                <a:solidFill>
                  <a:schemeClr val="accent6"/>
                </a:solidFill>
              </a:rPr>
              <a:t> #1 </a:t>
            </a:r>
            <a:r>
              <a:rPr lang="en-US" sz="1300" b="1" dirty="0">
                <a:solidFill>
                  <a:schemeClr val="accent6"/>
                </a:solidFill>
              </a:rPr>
              <a:t>in Convenience </a:t>
            </a:r>
            <a:r>
              <a:rPr lang="en-US" sz="1300" dirty="0">
                <a:solidFill>
                  <a:schemeClr val="accent6"/>
                </a:solidFill>
              </a:rPr>
              <a:t>stores with </a:t>
            </a:r>
            <a:r>
              <a:rPr lang="en-US" sz="1300" b="1" dirty="0">
                <a:solidFill>
                  <a:schemeClr val="accent6"/>
                </a:solidFill>
              </a:rPr>
              <a:t>Shop &amp; </a:t>
            </a:r>
            <a:r>
              <a:rPr lang="en-US" sz="1300" b="1" dirty="0" smtClean="0">
                <a:solidFill>
                  <a:schemeClr val="accent6"/>
                </a:solidFill>
              </a:rPr>
              <a:t>Go</a:t>
            </a:r>
            <a:endParaRPr lang="en-US" sz="1300" b="1" dirty="0">
              <a:solidFill>
                <a:schemeClr val="accent6"/>
              </a:solidFill>
            </a:endParaRPr>
          </a:p>
        </p:txBody>
      </p:sp>
      <p:sp>
        <p:nvSpPr>
          <p:cNvPr id="28" name="Title 1"/>
          <p:cNvSpPr txBox="1">
            <a:spLocks/>
          </p:cNvSpPr>
          <p:nvPr/>
        </p:nvSpPr>
        <p:spPr bwMode="auto">
          <a:xfrm>
            <a:off x="685800" y="-19050"/>
            <a:ext cx="8672264" cy="3875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 kern="12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defRPr>
            </a:lvl1pPr>
            <a:lvl2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2pPr>
            <a:lvl3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3pPr>
            <a:lvl4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4pPr>
            <a:lvl5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5pPr>
            <a:lvl6pPr marL="456972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6pPr>
            <a:lvl7pPr marL="91394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7pPr>
            <a:lvl8pPr marL="137091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8pPr>
            <a:lvl9pPr marL="1827890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9pPr>
          </a:lstStyle>
          <a:p>
            <a:pPr>
              <a:defRPr/>
            </a:pPr>
            <a:r>
              <a:rPr lang="en-US" sz="2200" b="1" dirty="0"/>
              <a:t>Romania – Market </a:t>
            </a:r>
            <a:r>
              <a:rPr lang="en-US" sz="2200" b="1" dirty="0" smtClean="0"/>
              <a:t>and competitive </a:t>
            </a:r>
            <a:r>
              <a:rPr lang="en-US" sz="2200" b="1" dirty="0"/>
              <a:t>landscape</a:t>
            </a:r>
          </a:p>
        </p:txBody>
      </p:sp>
      <p:pic>
        <p:nvPicPr>
          <p:cNvPr id="9" name="Picture 29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8699606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4" name="Rectangle 43" descr="Enter Chart Description Here:&#10;&#10; End of Chart Description&#10;DO NOT ALTER TEXT BELOW THIS POINT! IF YOU DO YOUR CHART WILL NOT BE EDITABLE!&#10;mkkoexcel__~~~~~~~~~~False~~False~~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" title="Mekko Graphics Chart"/>
          <p:cNvSpPr>
            <a:spLocks noChangeAspect="1"/>
          </p:cNvSpPr>
          <p:nvPr>
            <p:custDataLst>
              <p:tags r:id="rId2"/>
            </p:custDataLst>
          </p:nvPr>
        </p:nvSpPr>
        <p:spPr bwMode="ltGray">
          <a:xfrm>
            <a:off x="-685800" y="514351"/>
            <a:ext cx="9666799" cy="4452181"/>
          </a:xfrm>
          <a:prstGeom prst="rect">
            <a:avLst/>
          </a:prstGeom>
          <a:blipFill>
            <a:blip r:embed="rId7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txBody>
          <a:bodyPr lIns="45720" tIns="45720" rIns="45720" bIns="45720" rtlCol="0" anchor="ctr"/>
          <a:lstStyle/>
          <a:p>
            <a:pPr marL="0" marR="0" lvl="0" indent="0" algn="ctr" defTabSz="979672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8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17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6017635" y="4087497"/>
            <a:ext cx="265000" cy="200055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algn="ctr"/>
            <a:r>
              <a:rPr lang="en-US" sz="700" dirty="0" smtClean="0"/>
              <a:t>2</a:t>
            </a:r>
          </a:p>
        </p:txBody>
      </p:sp>
      <p:sp>
        <p:nvSpPr>
          <p:cNvPr id="45" name="TextBox 44"/>
          <p:cNvSpPr txBox="1"/>
          <p:nvPr/>
        </p:nvSpPr>
        <p:spPr>
          <a:xfrm>
            <a:off x="239442" y="671081"/>
            <a:ext cx="5698395" cy="461665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0" marR="0" lvl="0" indent="0" defTabSz="979672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dirty="0" smtClean="0">
                <a:ln>
                  <a:noFill/>
                </a:ln>
                <a:solidFill>
                  <a:schemeClr val="accent6"/>
                </a:solidFill>
                <a:effectLst/>
                <a:uLnTx/>
                <a:uFillTx/>
              </a:rPr>
              <a:t>Grocery retail market - Modern vs. traditional</a:t>
            </a:r>
            <a:r>
              <a:rPr kumimoji="0" lang="en-US" sz="1200" b="1" i="0" u="none" strike="noStrike" kern="0" cap="none" spc="0" normalizeH="0" baseline="30000" noProof="0" dirty="0" smtClean="0">
                <a:ln>
                  <a:noFill/>
                </a:ln>
                <a:solidFill>
                  <a:schemeClr val="accent6"/>
                </a:solidFill>
                <a:effectLst/>
                <a:uLnTx/>
                <a:uFillTx/>
              </a:rPr>
              <a:t>1</a:t>
            </a:r>
          </a:p>
          <a:p>
            <a:pPr marL="0" marR="0" lvl="0" indent="0" defTabSz="979672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chemeClr val="accent6"/>
                </a:solidFill>
                <a:effectLst/>
                <a:uLnTx/>
                <a:uFillTx/>
              </a:rPr>
              <a:t>(RONB. 2010-19e, Romania)</a:t>
            </a:r>
          </a:p>
        </p:txBody>
      </p:sp>
      <p:sp>
        <p:nvSpPr>
          <p:cNvPr id="47" name="Rounded Rectangular Callout 46"/>
          <p:cNvSpPr/>
          <p:nvPr/>
        </p:nvSpPr>
        <p:spPr bwMode="ltGray">
          <a:xfrm>
            <a:off x="3856397" y="1238251"/>
            <a:ext cx="1325205" cy="402081"/>
          </a:xfrm>
          <a:prstGeom prst="wedgeRoundRectCallout">
            <a:avLst>
              <a:gd name="adj1" fmla="val 13490"/>
              <a:gd name="adj2" fmla="val 108559"/>
              <a:gd name="adj3" fmla="val 16667"/>
            </a:avLst>
          </a:prstGeom>
          <a:noFill/>
          <a:ln w="3175" cap="flat" cmpd="sng" algn="ctr">
            <a:solidFill>
              <a:srgbClr val="CCCCCC">
                <a:lumMod val="10000"/>
              </a:srgbClr>
            </a:solidFill>
            <a:prstDash val="solid"/>
          </a:ln>
          <a:effectLst/>
        </p:spPr>
        <p:txBody>
          <a:bodyPr lIns="45720" tIns="45720" rIns="45720" bIns="45720" rtlCol="0" anchor="ctr"/>
          <a:lstStyle>
            <a:defPPr>
              <a:defRPr lang="en-US"/>
            </a:defPPr>
            <a:lvl1pPr marL="0" algn="l" defTabSz="979672" rtl="0" eaLnBrk="1" latinLnBrk="0" hangingPunct="1">
              <a:defRPr lang="en-CA"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89837" algn="l" defTabSz="979672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79672" algn="l" defTabSz="979672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69509" algn="l" defTabSz="979672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59349" algn="l" defTabSz="979672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49183" algn="l" defTabSz="979672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39018" algn="l" defTabSz="979672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28856" algn="l" defTabSz="979672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18693" algn="l" defTabSz="979672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7967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100" b="0" i="0" u="sng" strike="noStrike" kern="1200" cap="none" spc="0" normalizeH="0" baseline="0" noProof="0" dirty="0" smtClean="0">
                <a:ln>
                  <a:noFill/>
                </a:ln>
                <a:solidFill>
                  <a:schemeClr val="accent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Market size in €</a:t>
            </a:r>
            <a:r>
              <a:rPr kumimoji="0" lang="en-US" sz="1100" b="0" i="0" u="none" strike="noStrike" kern="1200" cap="none" spc="0" normalizeH="0" baseline="0" noProof="0" dirty="0" smtClean="0">
                <a:ln>
                  <a:noFill/>
                </a:ln>
                <a:solidFill>
                  <a:schemeClr val="accent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: </a:t>
            </a:r>
            <a:r>
              <a:rPr kumimoji="0" lang="en-US" sz="1100" b="1" i="0" u="none" strike="noStrike" kern="1200" cap="none" spc="0" normalizeH="0" baseline="0" noProof="0" dirty="0" smtClean="0">
                <a:ln>
                  <a:noFill/>
                </a:ln>
                <a:solidFill>
                  <a:schemeClr val="accent6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~€20.0B (2015)</a:t>
            </a:r>
          </a:p>
        </p:txBody>
      </p:sp>
      <p:pic>
        <p:nvPicPr>
          <p:cNvPr id="48" name="RedCircle2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 rot="487979">
            <a:off x="7339356" y="3073264"/>
            <a:ext cx="1754942" cy="4136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3" name="Title 1"/>
          <p:cNvSpPr txBox="1">
            <a:spLocks/>
          </p:cNvSpPr>
          <p:nvPr/>
        </p:nvSpPr>
        <p:spPr bwMode="auto">
          <a:xfrm>
            <a:off x="685800" y="-19050"/>
            <a:ext cx="8229600" cy="3875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 kern="12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defRPr>
            </a:lvl1pPr>
            <a:lvl2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2pPr>
            <a:lvl3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3pPr>
            <a:lvl4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4pPr>
            <a:lvl5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5pPr>
            <a:lvl6pPr marL="456972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6pPr>
            <a:lvl7pPr marL="91394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7pPr>
            <a:lvl8pPr marL="137091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8pPr>
            <a:lvl9pPr marL="1827890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9pPr>
          </a:lstStyle>
          <a:p>
            <a:pPr>
              <a:defRPr/>
            </a:pPr>
            <a:r>
              <a:rPr lang="en-US" sz="2400" b="1" dirty="0"/>
              <a:t>The modern retail market is growing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6602129" y="4781551"/>
            <a:ext cx="143358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i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Source: Planet </a:t>
            </a:r>
            <a:r>
              <a:rPr lang="en-US" sz="10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Retail</a:t>
            </a:r>
            <a:endParaRPr lang="en-US" sz="1000" i="1" dirty="0">
              <a:solidFill>
                <a:schemeClr val="tx1">
                  <a:lumMod val="50000"/>
                  <a:lumOff val="50000"/>
                </a:schemeClr>
              </a:solidFill>
            </a:endParaRPr>
          </a:p>
        </p:txBody>
      </p:sp>
      <p:pic>
        <p:nvPicPr>
          <p:cNvPr id="12" name="Picture 29"/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4069650093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6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BainBulletsConfiguration" hidden="1"/>
          <p:cNvSpPr txBox="1"/>
          <p:nvPr/>
        </p:nvSpPr>
        <p:spPr>
          <a:xfrm>
            <a:off x="11935" y="8777"/>
            <a:ext cx="8354772" cy="101407"/>
          </a:xfrm>
          <a:prstGeom prst="rect">
            <a:avLst/>
          </a:prstGeom>
          <a:noFill/>
        </p:spPr>
        <p:txBody>
          <a:bodyPr vert="horz" wrap="square" lIns="42593" tIns="42593" rIns="42593" bIns="42593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38" name="Title 1"/>
          <p:cNvSpPr txBox="1">
            <a:spLocks/>
          </p:cNvSpPr>
          <p:nvPr/>
        </p:nvSpPr>
        <p:spPr bwMode="auto">
          <a:xfrm>
            <a:off x="644447" y="203016"/>
            <a:ext cx="7754101" cy="3875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 kern="12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defRPr>
            </a:lvl1pPr>
            <a:lvl2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2pPr>
            <a:lvl3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3pPr>
            <a:lvl4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4pPr>
            <a:lvl5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5pPr>
            <a:lvl6pPr marL="456972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6pPr>
            <a:lvl7pPr marL="91394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7pPr>
            <a:lvl8pPr marL="137091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8pPr>
            <a:lvl9pPr marL="1827890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9pPr>
          </a:lstStyle>
          <a:p>
            <a:pPr>
              <a:defRPr/>
            </a:pPr>
            <a:r>
              <a:rPr lang="en-US" sz="2200" b="1" dirty="0"/>
              <a:t>Market Leader in Supermarkets </a:t>
            </a:r>
            <a:r>
              <a:rPr lang="en-US" sz="2200" b="1"/>
              <a:t>and </a:t>
            </a:r>
            <a:endParaRPr lang="en-US" sz="2200" b="1" smtClean="0"/>
          </a:p>
          <a:p>
            <a:pPr>
              <a:defRPr/>
            </a:pPr>
            <a:r>
              <a:rPr lang="en-US" sz="2200" b="1" smtClean="0"/>
              <a:t>Convenience </a:t>
            </a:r>
            <a:r>
              <a:rPr lang="en-US" sz="2200" b="1" dirty="0"/>
              <a:t>Stores, with an overall RMS of 0.3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7721902" y="4885088"/>
            <a:ext cx="143358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i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Source: Planet </a:t>
            </a:r>
            <a:r>
              <a:rPr lang="en-US" sz="10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Retail</a:t>
            </a:r>
            <a:endParaRPr lang="en-US" sz="1000" i="1" dirty="0">
              <a:solidFill>
                <a:schemeClr val="tx1">
                  <a:lumMod val="50000"/>
                  <a:lumOff val="50000"/>
                </a:schemeClr>
              </a:solidFill>
            </a:endParaRPr>
          </a:p>
        </p:txBody>
      </p:sp>
      <p:pic>
        <p:nvPicPr>
          <p:cNvPr id="27" name="Picture 29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grpSp>
        <p:nvGrpSpPr>
          <p:cNvPr id="4" name="Group 3"/>
          <p:cNvGrpSpPr/>
          <p:nvPr/>
        </p:nvGrpSpPr>
        <p:grpSpPr>
          <a:xfrm>
            <a:off x="133611" y="570423"/>
            <a:ext cx="8915139" cy="4271679"/>
            <a:chOff x="-116870" y="1177364"/>
            <a:chExt cx="10290099" cy="5746986"/>
          </a:xfrm>
        </p:grpSpPr>
        <p:sp>
          <p:nvSpPr>
            <p:cNvPr id="41" name="Rectangle 40" descr="Enter Chart Description Here:&#10;&#10; End of Chart Description&#10;DO NOT ALTER TEXT BELOW THIS POINT! IF YOU DO YOUR CHART WILL NOT BE EDITABLE!&#10;mkkoexcel__~~~~~~~~~~False~~False~~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"/>
            <p:cNvSpPr>
              <a:spLocks noChangeAspect="1"/>
            </p:cNvSpPr>
            <p:nvPr>
              <p:custDataLst>
                <p:tags r:id="rId1"/>
              </p:custDataLst>
            </p:nvPr>
          </p:nvSpPr>
          <p:spPr>
            <a:xfrm>
              <a:off x="114775" y="1204443"/>
              <a:ext cx="2975088" cy="4903371"/>
            </a:xfrm>
            <a:prstGeom prst="rect">
              <a:avLst/>
            </a:prstGeom>
            <a:blipFill>
              <a:blip r:embed="rId7" cstate="print"/>
              <a:srcRect/>
              <a:stretch>
                <a:fillRect t="-1" b="-28373"/>
              </a:stretch>
            </a:blipFill>
            <a:ln w="19050" cap="flat" cmpd="sng" algn="ctr">
              <a:noFill/>
              <a:prstDash val="solid"/>
            </a:ln>
            <a:effectLst/>
            <a:extLst>
              <a:ext uri="{91240B29-F687-4F45-9708-019B960494DF}">
                <a14:hiddenLine xmlns:a14="http://schemas.microsoft.com/office/drawing/2010/main" w="19050" cap="flat" cmpd="sng" algn="ctr">
                  <a:solidFill>
                    <a:schemeClr val="tx1"/>
                  </a:solidFill>
                  <a:prstDash val="soli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endParaRPr lang="en-US" sz="2100" dirty="0">
                <a:solidFill>
                  <a:schemeClr val="tx1"/>
                </a:solidFill>
                <a:latin typeface="Arial"/>
                <a:cs typeface="Arial"/>
                <a:sym typeface="Arial"/>
              </a:endParaRPr>
            </a:p>
          </p:txBody>
        </p:sp>
        <p:cxnSp>
          <p:nvCxnSpPr>
            <p:cNvPr id="28" name="Straight Connector 27"/>
            <p:cNvCxnSpPr/>
            <p:nvPr/>
          </p:nvCxnSpPr>
          <p:spPr>
            <a:xfrm>
              <a:off x="1949448" y="2158725"/>
              <a:ext cx="475459" cy="0"/>
            </a:xfrm>
            <a:prstGeom prst="line">
              <a:avLst/>
            </a:prstGeom>
            <a:ln w="12700">
              <a:solidFill>
                <a:schemeClr val="accent6"/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9" name="Straight Connector 28"/>
            <p:cNvCxnSpPr/>
            <p:nvPr/>
          </p:nvCxnSpPr>
          <p:spPr>
            <a:xfrm>
              <a:off x="2424908" y="5819818"/>
              <a:ext cx="378052" cy="0"/>
            </a:xfrm>
            <a:prstGeom prst="line">
              <a:avLst/>
            </a:prstGeom>
            <a:ln w="12700">
              <a:solidFill>
                <a:schemeClr val="accent6"/>
              </a:solidFill>
              <a:prstDash val="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1" name="TextBox 30"/>
            <p:cNvSpPr txBox="1"/>
            <p:nvPr/>
          </p:nvSpPr>
          <p:spPr>
            <a:xfrm>
              <a:off x="-116870" y="1423742"/>
              <a:ext cx="5412465" cy="588797"/>
            </a:xfrm>
            <a:prstGeom prst="rect">
              <a:avLst/>
            </a:prstGeom>
            <a:noFill/>
          </p:spPr>
          <p:txBody>
            <a:bodyPr wrap="square" lIns="49067" tIns="49067" rIns="49067" bIns="49067" rtlCol="0">
              <a:spAutoFit/>
            </a:bodyPr>
            <a:lstStyle/>
            <a:p>
              <a:r>
                <a:rPr lang="en-US" sz="1100" b="1" dirty="0">
                  <a:latin typeface="Arial"/>
                  <a:cs typeface="Arial"/>
                  <a:sym typeface="Arial"/>
                </a:rPr>
                <a:t>Sales per channel and per banner – Modern grocery </a:t>
              </a:r>
              <a:r>
                <a:rPr lang="en-US" sz="1100" b="1">
                  <a:latin typeface="Arial"/>
                  <a:cs typeface="Arial"/>
                  <a:sym typeface="Arial"/>
                </a:rPr>
                <a:t>retail </a:t>
              </a:r>
              <a:endParaRPr lang="en-US" sz="1100" b="1" smtClean="0">
                <a:latin typeface="Arial"/>
                <a:cs typeface="Arial"/>
                <a:sym typeface="Arial"/>
              </a:endParaRPr>
            </a:p>
            <a:p>
              <a:r>
                <a:rPr lang="en-US" sz="1100" b="1" smtClean="0">
                  <a:latin typeface="Arial"/>
                  <a:cs typeface="Arial"/>
                  <a:sym typeface="Arial"/>
                </a:rPr>
                <a:t>Market</a:t>
              </a:r>
              <a:r>
                <a:rPr lang="en-US" sz="1100" b="1" baseline="30000" smtClean="0">
                  <a:latin typeface="Arial"/>
                  <a:cs typeface="Arial"/>
                  <a:sym typeface="Arial"/>
                </a:rPr>
                <a:t>1 </a:t>
              </a:r>
              <a:r>
                <a:rPr lang="en-US" sz="1050" i="1" smtClean="0">
                  <a:latin typeface="Arial"/>
                  <a:cs typeface="Arial"/>
                  <a:sym typeface="Arial"/>
                </a:rPr>
                <a:t>(RONB</a:t>
              </a:r>
              <a:r>
                <a:rPr lang="en-US" sz="1050" i="1" dirty="0">
                  <a:latin typeface="Arial"/>
                  <a:cs typeface="Arial"/>
                  <a:sym typeface="Arial"/>
                </a:rPr>
                <a:t>, 2016, Romania)</a:t>
              </a:r>
              <a:endParaRPr lang="en-US" sz="1100" i="1" dirty="0">
                <a:latin typeface="Arial"/>
                <a:cs typeface="Arial"/>
                <a:sym typeface="Arial"/>
              </a:endParaRPr>
            </a:p>
          </p:txBody>
        </p:sp>
        <p:sp>
          <p:nvSpPr>
            <p:cNvPr id="32" name="Rounded Rectangular Callout 31"/>
            <p:cNvSpPr/>
            <p:nvPr/>
          </p:nvSpPr>
          <p:spPr bwMode="ltGray">
            <a:xfrm>
              <a:off x="8163639" y="1298059"/>
              <a:ext cx="2009590" cy="860668"/>
            </a:xfrm>
            <a:prstGeom prst="wedgeRoundRectCallout">
              <a:avLst>
                <a:gd name="adj1" fmla="val 24467"/>
                <a:gd name="adj2" fmla="val 47660"/>
                <a:gd name="adj3" fmla="val 16667"/>
              </a:avLst>
            </a:prstGeom>
            <a:solidFill>
              <a:srgbClr val="FFFFFF"/>
            </a:solidFill>
            <a:ln w="3175" cap="flat" cmpd="sng" algn="ctr">
              <a:solidFill>
                <a:srgbClr val="CCCCCC">
                  <a:lumMod val="10000"/>
                </a:srgbClr>
              </a:solidFill>
              <a:prstDash val="solid"/>
            </a:ln>
            <a:effectLst/>
          </p:spPr>
          <p:txBody>
            <a:bodyPr lIns="49067" tIns="49067" rIns="49067" bIns="49067" rtlCol="0" anchor="ctr"/>
            <a:lstStyle>
              <a:defPPr>
                <a:defRPr lang="en-US"/>
              </a:defPPr>
              <a:lvl1pPr marL="0" algn="l" defTabSz="979672" rtl="0" eaLnBrk="1" latinLnBrk="0" hangingPunct="1">
                <a:defRPr lang="en-CA"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89837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79672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469509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959349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449183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939018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428856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918693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defTabSz="1051384">
                <a:defRPr/>
              </a:pPr>
              <a:r>
                <a:rPr lang="en-GB" sz="900" b="1" dirty="0">
                  <a:solidFill>
                    <a:prstClr val="black"/>
                  </a:solidFill>
                  <a:latin typeface="Arial"/>
                </a:rPr>
                <a:t>Mega Image</a:t>
              </a:r>
              <a:r>
                <a:rPr lang="en-GB" sz="900" dirty="0">
                  <a:solidFill>
                    <a:prstClr val="black"/>
                  </a:solidFill>
                  <a:latin typeface="Arial"/>
                </a:rPr>
                <a:t> total sales as per </a:t>
              </a:r>
              <a:r>
                <a:rPr lang="en-GB" sz="900" b="1" dirty="0">
                  <a:solidFill>
                    <a:prstClr val="black"/>
                  </a:solidFill>
                  <a:latin typeface="Arial"/>
                </a:rPr>
                <a:t>Planet Retail restated</a:t>
              </a:r>
              <a:r>
                <a:rPr lang="en-GB" sz="900" dirty="0">
                  <a:solidFill>
                    <a:prstClr val="black"/>
                  </a:solidFill>
                  <a:latin typeface="Arial"/>
                </a:rPr>
                <a:t> based on </a:t>
              </a:r>
              <a:r>
                <a:rPr lang="en-GB" sz="900" b="1" dirty="0">
                  <a:solidFill>
                    <a:prstClr val="black"/>
                  </a:solidFill>
                  <a:latin typeface="Arial"/>
                </a:rPr>
                <a:t>internal split Mega Image (SM) / </a:t>
              </a:r>
              <a:r>
                <a:rPr lang="en-GB" sz="900" b="1" dirty="0" err="1">
                  <a:solidFill>
                    <a:prstClr val="black"/>
                  </a:solidFill>
                  <a:latin typeface="Arial"/>
                </a:rPr>
                <a:t>Shop&amp;Go</a:t>
              </a:r>
              <a:r>
                <a:rPr lang="en-GB" sz="900" b="1" dirty="0">
                  <a:solidFill>
                    <a:prstClr val="black"/>
                  </a:solidFill>
                  <a:latin typeface="Arial"/>
                </a:rPr>
                <a:t> (CS)</a:t>
              </a:r>
              <a:endParaRPr lang="en-US" sz="900" b="1" baseline="30000" dirty="0">
                <a:solidFill>
                  <a:prstClr val="black"/>
                </a:solidFill>
                <a:latin typeface="Arial"/>
              </a:endParaRPr>
            </a:p>
          </p:txBody>
        </p:sp>
        <p:sp>
          <p:nvSpPr>
            <p:cNvPr id="37" name="TextBox 36"/>
            <p:cNvSpPr txBox="1"/>
            <p:nvPr/>
          </p:nvSpPr>
          <p:spPr>
            <a:xfrm>
              <a:off x="8928445" y="6107813"/>
              <a:ext cx="1177911" cy="816537"/>
            </a:xfrm>
            <a:prstGeom prst="rect">
              <a:avLst/>
            </a:prstGeom>
            <a:noFill/>
            <a:ln>
              <a:solidFill>
                <a:srgbClr val="000000">
                  <a:lumMod val="50000"/>
                  <a:lumOff val="50000"/>
                </a:srgbClr>
              </a:solidFill>
            </a:ln>
          </p:spPr>
          <p:txBody>
            <a:bodyPr wrap="square" lIns="49067" tIns="49067" rIns="49067" bIns="49067" rtlCol="0">
              <a:spAutoFit/>
            </a:bodyPr>
            <a:lstStyle/>
            <a:p>
              <a:pPr algn="ctr" defTabSz="482149">
                <a:defRPr/>
              </a:pPr>
              <a:r>
                <a:rPr lang="en-US" sz="1100" b="1" kern="0" dirty="0">
                  <a:solidFill>
                    <a:prstClr val="black"/>
                  </a:solidFill>
                  <a:latin typeface="Arial"/>
                </a:rPr>
                <a:t>AD national RMS </a:t>
              </a:r>
            </a:p>
            <a:p>
              <a:pPr algn="ctr" defTabSz="482149">
                <a:defRPr/>
              </a:pPr>
              <a:r>
                <a:rPr lang="en-US" sz="1100" b="1" kern="0" dirty="0">
                  <a:solidFill>
                    <a:prstClr val="black"/>
                  </a:solidFill>
                  <a:latin typeface="Arial"/>
                </a:rPr>
                <a:t>= </a:t>
              </a:r>
              <a:r>
                <a:rPr lang="en-US" sz="1100" b="1" kern="0" dirty="0">
                  <a:solidFill>
                    <a:srgbClr val="000000"/>
                  </a:solidFill>
                  <a:latin typeface="Arial"/>
                </a:rPr>
                <a:t>0.3</a:t>
              </a:r>
            </a:p>
          </p:txBody>
        </p:sp>
        <p:sp>
          <p:nvSpPr>
            <p:cNvPr id="39" name="Rectangle 38" descr="Enter Chart Description Here:&#10;&#10; End of Chart Description&#10;DO NOT ALTER TEXT BELOW THIS POINT! IF YOU DO YOUR CHART WILL NOT BE EDITABLE!&#10;mkkoexcel__False~~False~~False~~False~~~~False~~True~~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"/>
            <p:cNvSpPr>
              <a:spLocks noChangeAspect="1"/>
            </p:cNvSpPr>
            <p:nvPr>
              <p:custDataLst>
                <p:tags r:id="rId2"/>
              </p:custDataLst>
            </p:nvPr>
          </p:nvSpPr>
          <p:spPr bwMode="auto">
            <a:xfrm>
              <a:off x="1614045" y="1177364"/>
              <a:ext cx="7413418" cy="4930450"/>
            </a:xfrm>
            <a:prstGeom prst="rect">
              <a:avLst/>
            </a:prstGeom>
            <a:blipFill>
              <a:blip r:embed="rId8" cstate="print"/>
              <a:srcRect/>
              <a:stretch>
                <a:fillRect b="-28155"/>
              </a:stretch>
            </a:blipFill>
            <a:ln w="0" cmpd="sng">
              <a:noFill/>
              <a:prstDash val="solid"/>
              <a:round/>
              <a:headEnd/>
              <a:tailEnd/>
            </a:ln>
            <a:effectLst/>
            <a:extLst>
              <a:ext uri="{91240B29-F687-4F45-9708-019B960494DF}">
                <a14:hiddenLine xmlns:a14="http://schemas.microsoft.com/office/drawing/2010/main" w="0" cmpd="sng">
                  <a:solidFill>
                    <a:schemeClr val="accent1"/>
                  </a:solidFill>
                  <a:prstDash val="solid"/>
                  <a:round/>
                  <a:headEnd/>
                  <a:tailEnd/>
                </a14:hiddenLine>
              </a:ext>
            </a:extLst>
          </p:spPr>
          <p:txBody>
            <a:bodyPr vert="horz" wrap="square" lIns="98133" tIns="49067" rIns="98133" bIns="49067" numCol="1" rtlCol="0" anchor="t" anchorCtr="0" compatLnSpc="1">
              <a:prstTxWarp prst="textNoShape">
                <a:avLst/>
              </a:prstTxWarp>
            </a:bodyPr>
            <a:lstStyle/>
            <a:p>
              <a:pPr algn="ctr"/>
              <a:endParaRPr lang="en-US" sz="1400" dirty="0"/>
            </a:p>
          </p:txBody>
        </p:sp>
        <p:sp>
          <p:nvSpPr>
            <p:cNvPr id="36" name="Rounded Rectangular Callout 35"/>
            <p:cNvSpPr/>
            <p:nvPr/>
          </p:nvSpPr>
          <p:spPr bwMode="ltGray">
            <a:xfrm>
              <a:off x="4689568" y="1577799"/>
              <a:ext cx="1846315" cy="446361"/>
            </a:xfrm>
            <a:prstGeom prst="wedgeRoundRectCallout">
              <a:avLst>
                <a:gd name="adj1" fmla="val -16031"/>
                <a:gd name="adj2" fmla="val 140887"/>
                <a:gd name="adj3" fmla="val 16667"/>
              </a:avLst>
            </a:prstGeom>
            <a:solidFill>
              <a:srgbClr val="FFFFFF"/>
            </a:solidFill>
            <a:ln w="3175" cap="flat" cmpd="sng" algn="ctr">
              <a:solidFill>
                <a:srgbClr val="CCCCCC">
                  <a:lumMod val="10000"/>
                </a:srgbClr>
              </a:solidFill>
              <a:prstDash val="solid"/>
            </a:ln>
            <a:effectLst/>
          </p:spPr>
          <p:txBody>
            <a:bodyPr lIns="0" tIns="49067" rIns="0" bIns="49067" rtlCol="0" anchor="ctr"/>
            <a:lstStyle>
              <a:defPPr>
                <a:defRPr lang="en-US"/>
              </a:defPPr>
              <a:lvl1pPr marL="0" algn="l" defTabSz="979672" rtl="0" eaLnBrk="1" latinLnBrk="0" hangingPunct="1">
                <a:defRPr lang="en-CA"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89837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79672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469509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959349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449183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939018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428856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918693" algn="l" defTabSz="979672" rtl="0" eaLnBrk="1" latinLnBrk="0" hangingPunct="1">
                <a:defRPr sz="19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defTabSz="1051384">
                <a:defRPr/>
              </a:pPr>
              <a:r>
                <a:rPr lang="en-GB" sz="900" b="1" dirty="0">
                  <a:solidFill>
                    <a:prstClr val="black"/>
                  </a:solidFill>
                  <a:latin typeface="Arial"/>
                </a:rPr>
                <a:t>Carrefour</a:t>
              </a:r>
              <a:r>
                <a:rPr lang="en-GB" sz="900" dirty="0">
                  <a:solidFill>
                    <a:prstClr val="black"/>
                  </a:solidFill>
                  <a:latin typeface="Arial"/>
                </a:rPr>
                <a:t> includes </a:t>
              </a:r>
              <a:r>
                <a:rPr lang="en-GB" sz="900" dirty="0" err="1">
                  <a:solidFill>
                    <a:prstClr val="black"/>
                  </a:solidFill>
                  <a:latin typeface="Arial"/>
                </a:rPr>
                <a:t>Billa</a:t>
              </a:r>
              <a:r>
                <a:rPr lang="en-GB" sz="900" dirty="0">
                  <a:solidFill>
                    <a:prstClr val="black"/>
                  </a:solidFill>
                  <a:latin typeface="Arial"/>
                </a:rPr>
                <a:t> , after acquisition - signing Dec. ‘15</a:t>
              </a:r>
              <a:endParaRPr lang="en-US" sz="900" baseline="30000" dirty="0">
                <a:solidFill>
                  <a:prstClr val="black"/>
                </a:solidFill>
                <a:latin typeface="Arial"/>
              </a:endParaRPr>
            </a:p>
          </p:txBody>
        </p:sp>
      </p:grpSp>
      <p:pic>
        <p:nvPicPr>
          <p:cNvPr id="128003" name="Picture 3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40180" y="4055476"/>
            <a:ext cx="7189369" cy="45458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3233282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879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19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162561" y="3379530"/>
            <a:ext cx="2468880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500" b="1" dirty="0" smtClean="0">
                <a:solidFill>
                  <a:srgbClr val="C00000"/>
                </a:solidFill>
                <a:latin typeface="+mj-lt"/>
              </a:rPr>
              <a:t>Regions Value Market Share in Total Romania.</a:t>
            </a:r>
          </a:p>
          <a:p>
            <a:pPr algn="ctr"/>
            <a:r>
              <a:rPr lang="en-US" sz="1200" b="1" dirty="0" smtClean="0">
                <a:solidFill>
                  <a:srgbClr val="C00000"/>
                </a:solidFill>
                <a:latin typeface="+mj-lt"/>
              </a:rPr>
              <a:t>w/o Discounters </a:t>
            </a:r>
            <a:r>
              <a:rPr lang="en-US" sz="1200" b="1" smtClean="0">
                <a:solidFill>
                  <a:srgbClr val="C00000"/>
                </a:solidFill>
                <a:latin typeface="+mj-lt"/>
              </a:rPr>
              <a:t>and Kaufland</a:t>
            </a:r>
            <a:endParaRPr lang="en-US" sz="1200" b="1" dirty="0" smtClean="0">
              <a:solidFill>
                <a:srgbClr val="C00000"/>
              </a:solidFill>
              <a:latin typeface="+mj-lt"/>
            </a:endParaRPr>
          </a:p>
        </p:txBody>
      </p:sp>
      <p:sp>
        <p:nvSpPr>
          <p:cNvPr id="32" name="Title 1"/>
          <p:cNvSpPr txBox="1">
            <a:spLocks/>
          </p:cNvSpPr>
          <p:nvPr/>
        </p:nvSpPr>
        <p:spPr bwMode="auto">
          <a:xfrm>
            <a:off x="685800" y="-24130"/>
            <a:ext cx="8229600" cy="3875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 kern="12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defRPr>
            </a:lvl1pPr>
            <a:lvl2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2pPr>
            <a:lvl3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3pPr>
            <a:lvl4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4pPr>
            <a:lvl5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5pPr>
            <a:lvl6pPr marL="456972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6pPr>
            <a:lvl7pPr marL="91394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7pPr>
            <a:lvl8pPr marL="137091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8pPr>
            <a:lvl9pPr marL="1827890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9pPr>
          </a:lstStyle>
          <a:p>
            <a:pPr>
              <a:defRPr/>
            </a:pPr>
            <a:r>
              <a:rPr lang="en-US" sz="2400" b="1" dirty="0"/>
              <a:t>Retail Evolution by Region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179558" y="707450"/>
            <a:ext cx="2468880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400" b="1" dirty="0" smtClean="0">
                <a:latin typeface="+mj-lt"/>
              </a:rPr>
              <a:t>Bucharest area has the highest Market Share in Romania</a:t>
            </a:r>
            <a:r>
              <a:rPr lang="en-US" sz="1400" b="1" smtClean="0">
                <a:latin typeface="+mj-lt"/>
              </a:rPr>
              <a:t>: 21.1%</a:t>
            </a:r>
            <a:endParaRPr lang="en-US" sz="1400" b="1" dirty="0" smtClean="0">
              <a:latin typeface="+mj-lt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216875" y="1883943"/>
            <a:ext cx="2468880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400" b="1" smtClean="0">
                <a:latin typeface="+mj-lt"/>
              </a:rPr>
              <a:t>Increase Market Share trend in the areas with potential (Cluj, Timisoara)</a:t>
            </a:r>
            <a:endParaRPr lang="en-US" sz="1400" b="1" dirty="0" smtClean="0">
              <a:latin typeface="+mj-lt"/>
            </a:endParaRPr>
          </a:p>
        </p:txBody>
      </p:sp>
      <p:pic>
        <p:nvPicPr>
          <p:cNvPr id="15" name="Picture 29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6" name="Picture 10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78397" y="533545"/>
            <a:ext cx="5965604" cy="4597763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sp>
        <p:nvSpPr>
          <p:cNvPr id="12" name="TextBox 11"/>
          <p:cNvSpPr txBox="1"/>
          <p:nvPr/>
        </p:nvSpPr>
        <p:spPr>
          <a:xfrm>
            <a:off x="7829096" y="4885088"/>
            <a:ext cx="1202656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i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Source</a:t>
            </a:r>
            <a:r>
              <a:rPr lang="en-US" sz="1000" i="1">
                <a:solidFill>
                  <a:schemeClr val="tx1">
                    <a:lumMod val="50000"/>
                    <a:lumOff val="50000"/>
                  </a:schemeClr>
                </a:solidFill>
              </a:rPr>
              <a:t>: </a:t>
            </a:r>
            <a:r>
              <a:rPr lang="en-US" sz="1000" i="1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Nielsen</a:t>
            </a:r>
            <a:endParaRPr lang="en-US" sz="1000" i="1" dirty="0">
              <a:solidFill>
                <a:schemeClr val="tx1">
                  <a:lumMod val="50000"/>
                  <a:lumOff val="50000"/>
                </a:schemeClr>
              </a:solidFill>
            </a:endParaRPr>
          </a:p>
        </p:txBody>
      </p:sp>
      <p:pic>
        <p:nvPicPr>
          <p:cNvPr id="17" name="Picture 12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24250" y="4643653"/>
            <a:ext cx="1866900" cy="247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000884501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759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2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2" name="AutoShape 2" descr="Imagini pentru economics"/>
          <p:cNvSpPr>
            <a:spLocks noChangeAspect="1" noChangeArrowheads="1"/>
          </p:cNvSpPr>
          <p:nvPr/>
        </p:nvSpPr>
        <p:spPr bwMode="auto">
          <a:xfrm>
            <a:off x="155575" y="-108346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3" name="AutoShape 4" descr="Imagini pentru economics"/>
          <p:cNvSpPr>
            <a:spLocks noChangeAspect="1" noChangeArrowheads="1"/>
          </p:cNvSpPr>
          <p:nvPr/>
        </p:nvSpPr>
        <p:spPr bwMode="auto">
          <a:xfrm>
            <a:off x="307975" y="59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5" name="AutoShape 9" descr="Imagini pentru economy png"/>
          <p:cNvSpPr>
            <a:spLocks noChangeAspect="1" noChangeArrowheads="1"/>
          </p:cNvSpPr>
          <p:nvPr/>
        </p:nvSpPr>
        <p:spPr bwMode="auto">
          <a:xfrm>
            <a:off x="460375" y="1202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" name="AutoShape 11" descr="Imagini pentru economy png"/>
          <p:cNvSpPr>
            <a:spLocks noChangeAspect="1" noChangeArrowheads="1"/>
          </p:cNvSpPr>
          <p:nvPr/>
        </p:nvSpPr>
        <p:spPr bwMode="auto">
          <a:xfrm>
            <a:off x="612775" y="2345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pic>
        <p:nvPicPr>
          <p:cNvPr id="113681" name="Picture 17" descr="C:\Users\anamaria_ionita\Desktop\Prezentare Mega\Preze-1.jp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20054" y="-41375"/>
            <a:ext cx="9164053" cy="51618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TextBox 5"/>
          <p:cNvSpPr txBox="1"/>
          <p:nvPr/>
        </p:nvSpPr>
        <p:spPr>
          <a:xfrm>
            <a:off x="5410200" y="666750"/>
            <a:ext cx="261620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 smtClean="0">
                <a:solidFill>
                  <a:schemeClr val="bg1"/>
                </a:solidFill>
              </a:rPr>
              <a:t>ROMANIA: CONTEXT</a:t>
            </a:r>
            <a:endParaRPr lang="en-US" b="1" dirty="0">
              <a:solidFill>
                <a:schemeClr val="bg1"/>
              </a:solidFill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5410200" y="1504950"/>
            <a:ext cx="23622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 smtClean="0">
                <a:solidFill>
                  <a:schemeClr val="bg1"/>
                </a:solidFill>
              </a:rPr>
              <a:t>RETAIL MARKET</a:t>
            </a:r>
            <a:endParaRPr lang="en-US" b="1" dirty="0">
              <a:solidFill>
                <a:schemeClr val="bg1"/>
              </a:solidFill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5410202" y="2190751"/>
            <a:ext cx="2768605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 smtClean="0">
                <a:solidFill>
                  <a:schemeClr val="bg1"/>
                </a:solidFill>
              </a:rPr>
              <a:t>MEGA IMAGE PERFORMANCE</a:t>
            </a:r>
            <a:endParaRPr lang="en-US" b="1" dirty="0">
              <a:solidFill>
                <a:schemeClr val="bg1"/>
              </a:solidFill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5410201" y="3086041"/>
            <a:ext cx="2768605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 smtClean="0">
                <a:solidFill>
                  <a:schemeClr val="bg1"/>
                </a:solidFill>
              </a:rPr>
              <a:t>STRATEGIC INITIATIVES</a:t>
            </a:r>
            <a:endParaRPr lang="en-US" b="1" dirty="0">
              <a:solidFill>
                <a:schemeClr val="bg1"/>
              </a:solidFill>
            </a:endParaRPr>
          </a:p>
        </p:txBody>
      </p:sp>
      <p:sp>
        <p:nvSpPr>
          <p:cNvPr id="23" name="TextBox 22"/>
          <p:cNvSpPr txBox="1"/>
          <p:nvPr/>
        </p:nvSpPr>
        <p:spPr>
          <a:xfrm>
            <a:off x="5410200" y="4000440"/>
            <a:ext cx="23622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 smtClean="0">
                <a:solidFill>
                  <a:schemeClr val="bg1"/>
                </a:solidFill>
              </a:rPr>
              <a:t>CONCLUSIONS</a:t>
            </a:r>
            <a:endParaRPr lang="en-US" b="1" dirty="0">
              <a:solidFill>
                <a:schemeClr val="bg1"/>
              </a:solidFill>
            </a:endParaRPr>
          </a:p>
        </p:txBody>
      </p:sp>
      <p:pic>
        <p:nvPicPr>
          <p:cNvPr id="16" name="Picture 29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851098228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957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20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10" name="Title 1"/>
          <p:cNvSpPr>
            <a:spLocks noGrp="1"/>
          </p:cNvSpPr>
          <p:nvPr>
            <p:ph type="title" idx="4294967295"/>
          </p:nvPr>
        </p:nvSpPr>
        <p:spPr>
          <a:xfrm>
            <a:off x="624136" y="-10344"/>
            <a:ext cx="8672264" cy="387534"/>
          </a:xfrm>
        </p:spPr>
        <p:txBody>
          <a:bodyPr/>
          <a:lstStyle/>
          <a:p>
            <a:pPr>
              <a:defRPr/>
            </a:pPr>
            <a:r>
              <a:rPr lang="en-US" sz="2400" b="1" dirty="0"/>
              <a:t>Top players – Operating model / formats </a:t>
            </a:r>
            <a:endParaRPr lang="en-US" sz="2400" b="1" dirty="0" smtClean="0"/>
          </a:p>
        </p:txBody>
      </p:sp>
      <p:pic>
        <p:nvPicPr>
          <p:cNvPr id="8" name="Picture 29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2" name="Object 1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824984403"/>
              </p:ext>
            </p:extLst>
          </p:nvPr>
        </p:nvGraphicFramePr>
        <p:xfrm>
          <a:off x="952371" y="472785"/>
          <a:ext cx="7239259" cy="411042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958" name="Worksheet" r:id="rId10" imgW="8991537" imgH="5105376" progId="Excel.Sheet.12">
                  <p:embed/>
                </p:oleObj>
              </mc:Choice>
              <mc:Fallback>
                <p:oleObj name="Worksheet" r:id="rId10" imgW="8991537" imgH="5105376" progId="Excel.Sheet.12">
                  <p:embed/>
                  <p:pic>
                    <p:nvPicPr>
                      <p:cNvPr id="0" name="Object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52371" y="472785"/>
                        <a:ext cx="7239259" cy="411042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580844144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7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920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21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10" name="Title 1"/>
          <p:cNvSpPr>
            <a:spLocks noGrp="1"/>
          </p:cNvSpPr>
          <p:nvPr>
            <p:ph type="title" idx="4294967295"/>
          </p:nvPr>
        </p:nvSpPr>
        <p:spPr>
          <a:xfrm>
            <a:off x="624136" y="-19050"/>
            <a:ext cx="8672264" cy="387534"/>
          </a:xfrm>
        </p:spPr>
        <p:txBody>
          <a:bodyPr/>
          <a:lstStyle/>
          <a:p>
            <a:pPr>
              <a:defRPr/>
            </a:pPr>
            <a:r>
              <a:rPr lang="en-US" sz="2400" b="1" dirty="0"/>
              <a:t>Top players evolution (</a:t>
            </a:r>
            <a:r>
              <a:rPr lang="en-US" sz="2000" b="1" dirty="0"/>
              <a:t>Food Market</a:t>
            </a:r>
            <a:r>
              <a:rPr lang="en-US" sz="2400" b="1" dirty="0"/>
              <a:t>)</a:t>
            </a:r>
            <a:endParaRPr lang="en-US" sz="2400" b="1" dirty="0" smtClean="0"/>
          </a:p>
        </p:txBody>
      </p:sp>
      <p:sp>
        <p:nvSpPr>
          <p:cNvPr id="6" name="TextBox 5"/>
          <p:cNvSpPr txBox="1"/>
          <p:nvPr/>
        </p:nvSpPr>
        <p:spPr>
          <a:xfrm>
            <a:off x="5651964" y="4781551"/>
            <a:ext cx="2577636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200" i="1" smtClean="0">
                <a:solidFill>
                  <a:schemeClr val="tx1">
                    <a:lumMod val="50000"/>
                    <a:lumOff val="50000"/>
                  </a:schemeClr>
                </a:solidFill>
                <a:latin typeface="Calibri" panose="020F0502020204030204" pitchFamily="34" charset="0"/>
              </a:rPr>
              <a:t>Source: Internal computation</a:t>
            </a:r>
            <a:endParaRPr lang="en-US" sz="1200" i="1">
              <a:solidFill>
                <a:schemeClr val="tx1">
                  <a:lumMod val="50000"/>
                  <a:lumOff val="50000"/>
                </a:schemeClr>
              </a:solidFill>
              <a:latin typeface="Calibri" panose="020F0502020204030204" pitchFamily="34" charset="0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20617" y="1189135"/>
            <a:ext cx="1417776" cy="1055474"/>
          </a:xfrm>
          <a:prstGeom prst="roundRect">
            <a:avLst/>
          </a:prstGeom>
          <a:noFill/>
          <a:ln/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 lIns="91322" tIns="45660" rIns="91322" bIns="45660" rtlCol="0">
            <a:spAutoFit/>
          </a:bodyPr>
          <a:lstStyle/>
          <a:p>
            <a:pPr algn="ctr"/>
            <a:r>
              <a:rPr lang="en-US" sz="1400" b="1" dirty="0" smtClean="0">
                <a:solidFill>
                  <a:srgbClr val="002060"/>
                </a:solidFill>
                <a:latin typeface="Calibri" panose="020F0502020204030204" pitchFamily="34" charset="0"/>
              </a:rPr>
              <a:t>Total Food grocery </a:t>
            </a:r>
            <a:r>
              <a:rPr lang="en-US" sz="1400" b="1" smtClean="0">
                <a:solidFill>
                  <a:srgbClr val="002060"/>
                </a:solidFill>
                <a:latin typeface="Calibri" panose="020F0502020204030204" pitchFamily="34" charset="0"/>
              </a:rPr>
              <a:t>market 2016: 19 </a:t>
            </a:r>
            <a:r>
              <a:rPr lang="en-US" sz="1400" b="1" dirty="0" smtClean="0">
                <a:solidFill>
                  <a:srgbClr val="002060"/>
                </a:solidFill>
                <a:latin typeface="Calibri" panose="020F0502020204030204" pitchFamily="34" charset="0"/>
              </a:rPr>
              <a:t>billion </a:t>
            </a:r>
            <a:r>
              <a:rPr lang="el-GR" sz="1400" b="1" dirty="0" smtClean="0">
                <a:solidFill>
                  <a:srgbClr val="002060"/>
                </a:solidFill>
                <a:latin typeface="Calibri" panose="020F0502020204030204" pitchFamily="34" charset="0"/>
              </a:rPr>
              <a:t>€</a:t>
            </a:r>
            <a:endParaRPr lang="el-GR" sz="1400" b="1" dirty="0">
              <a:solidFill>
                <a:srgbClr val="002060"/>
              </a:solidFill>
              <a:latin typeface="Calibri" panose="020F0502020204030204" pitchFamily="34" charset="0"/>
            </a:endParaRPr>
          </a:p>
        </p:txBody>
      </p:sp>
      <p:sp>
        <p:nvSpPr>
          <p:cNvPr id="8" name="Title 1"/>
          <p:cNvSpPr txBox="1">
            <a:spLocks/>
          </p:cNvSpPr>
          <p:nvPr/>
        </p:nvSpPr>
        <p:spPr bwMode="auto">
          <a:xfrm>
            <a:off x="1538393" y="506730"/>
            <a:ext cx="6473614" cy="2160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22" tIns="45660" rIns="91322" bIns="45660" numCol="1" anchor="ctr" anchorCtr="0" compatLnSpc="1">
            <a:prstTxWarp prst="textNoShape">
              <a:avLst/>
            </a:prstTxWarp>
          </a:bodyPr>
          <a:lstStyle/>
          <a:p>
            <a:pPr defTabSz="456608" eaLnBrk="0" hangingPunct="0">
              <a:defRPr/>
            </a:pPr>
            <a:r>
              <a:rPr lang="en-US" sz="1200" b="1" dirty="0" smtClean="0">
                <a:solidFill>
                  <a:schemeClr val="accent6"/>
                </a:solidFill>
                <a:latin typeface="+mj-lt"/>
                <a:ea typeface="MS PGothic" pitchFamily="34" charset="-128"/>
                <a:cs typeface="ＭＳ Ｐゴシック" pitchFamily="-108" charset="-128"/>
              </a:rPr>
              <a:t>Market </a:t>
            </a:r>
            <a:r>
              <a:rPr lang="en-US" sz="1200" b="1" smtClean="0">
                <a:solidFill>
                  <a:schemeClr val="accent6"/>
                </a:solidFill>
                <a:latin typeface="+mj-lt"/>
                <a:ea typeface="MS PGothic" pitchFamily="34" charset="-128"/>
                <a:cs typeface="ＭＳ Ｐゴシック" pitchFamily="-108" charset="-128"/>
              </a:rPr>
              <a:t>share 2009-2016</a:t>
            </a:r>
            <a:r>
              <a:rPr lang="en-US" sz="1200" i="1" smtClean="0">
                <a:solidFill>
                  <a:schemeClr val="accent6"/>
                </a:solidFill>
                <a:latin typeface="+mj-lt"/>
                <a:ea typeface="MS PGothic" pitchFamily="34" charset="-128"/>
                <a:cs typeface="ＭＳ Ｐゴシック" pitchFamily="-108" charset="-128"/>
              </a:rPr>
              <a:t> </a:t>
            </a:r>
            <a:r>
              <a:rPr lang="en-US" sz="1200" b="1" i="1" dirty="0" smtClean="0">
                <a:solidFill>
                  <a:schemeClr val="accent6"/>
                </a:solidFill>
                <a:latin typeface="+mj-lt"/>
                <a:ea typeface="MS PGothic" pitchFamily="34" charset="-128"/>
                <a:cs typeface="ＭＳ Ｐゴシック" pitchFamily="-108" charset="-128"/>
              </a:rPr>
              <a:t>(Based on </a:t>
            </a:r>
            <a:r>
              <a:rPr lang="en-US" sz="1200" b="1" i="1" smtClean="0">
                <a:solidFill>
                  <a:schemeClr val="accent6"/>
                </a:solidFill>
                <a:latin typeface="+mj-lt"/>
                <a:ea typeface="MS PGothic" pitchFamily="34" charset="-128"/>
                <a:cs typeface="ＭＳ Ｐゴシック" pitchFamily="-108" charset="-128"/>
              </a:rPr>
              <a:t>consolidated financial </a:t>
            </a:r>
            <a:r>
              <a:rPr lang="en-US" sz="1200" b="1" i="1" dirty="0" smtClean="0">
                <a:solidFill>
                  <a:schemeClr val="accent6"/>
                </a:solidFill>
                <a:latin typeface="+mj-lt"/>
                <a:ea typeface="MS PGothic" pitchFamily="34" charset="-128"/>
                <a:cs typeface="ＭＳ Ｐゴシック" pitchFamily="-108" charset="-128"/>
              </a:rPr>
              <a:t>statements)</a:t>
            </a:r>
            <a:endParaRPr lang="el-GR" sz="1200" b="1" i="1" dirty="0">
              <a:solidFill>
                <a:schemeClr val="accent6"/>
              </a:solidFill>
              <a:latin typeface="+mj-lt"/>
              <a:ea typeface="MS PGothic" pitchFamily="34" charset="-128"/>
              <a:cs typeface="ＭＳ Ｐゴシック" pitchFamily="-108" charset="-128"/>
            </a:endParaRPr>
          </a:p>
        </p:txBody>
      </p:sp>
      <p:pic>
        <p:nvPicPr>
          <p:cNvPr id="11" name="Picture 29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7909" name="Picture 261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38393" y="755845"/>
            <a:ext cx="6805641" cy="409827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580844144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38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22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10" name="Title 1"/>
          <p:cNvSpPr>
            <a:spLocks noGrp="1"/>
          </p:cNvSpPr>
          <p:nvPr>
            <p:ph type="title" idx="4294967295"/>
          </p:nvPr>
        </p:nvSpPr>
        <p:spPr>
          <a:xfrm>
            <a:off x="685096" y="-10344"/>
            <a:ext cx="8672264" cy="387534"/>
          </a:xfrm>
        </p:spPr>
        <p:txBody>
          <a:bodyPr/>
          <a:lstStyle/>
          <a:p>
            <a:pPr>
              <a:defRPr/>
            </a:pPr>
            <a:r>
              <a:rPr lang="en-US" sz="2400" b="1" dirty="0" smtClean="0"/>
              <a:t>Competition Analysis – Turnover distribution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6411977" y="4769808"/>
            <a:ext cx="1776413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i="1">
                <a:solidFill>
                  <a:schemeClr val="tx1">
                    <a:lumMod val="50000"/>
                    <a:lumOff val="50000"/>
                  </a:schemeClr>
                </a:solidFill>
              </a:rPr>
              <a:t>Source: </a:t>
            </a:r>
            <a:r>
              <a:rPr lang="en-US" sz="1000" i="1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public financial data</a:t>
            </a:r>
            <a:endParaRPr lang="en-US" sz="1000" i="1">
              <a:solidFill>
                <a:schemeClr val="tx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2" name="Rounded Rectangle 1"/>
          <p:cNvSpPr/>
          <p:nvPr/>
        </p:nvSpPr>
        <p:spPr>
          <a:xfrm>
            <a:off x="355600" y="412751"/>
            <a:ext cx="2667000" cy="2286000"/>
          </a:xfrm>
          <a:prstGeom prst="roundRect">
            <a:avLst/>
          </a:prstGeom>
          <a:noFill/>
          <a:ln>
            <a:solidFill>
              <a:schemeClr val="tx1">
                <a:lumMod val="50000"/>
                <a:lumOff val="50000"/>
                <a:alpha val="62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4" name="Rounded Rectangle 13"/>
          <p:cNvSpPr/>
          <p:nvPr/>
        </p:nvSpPr>
        <p:spPr>
          <a:xfrm>
            <a:off x="3276600" y="412750"/>
            <a:ext cx="2667000" cy="2286000"/>
          </a:xfrm>
          <a:prstGeom prst="roundRect">
            <a:avLst/>
          </a:prstGeom>
          <a:noFill/>
          <a:ln>
            <a:solidFill>
              <a:schemeClr val="tx1">
                <a:lumMod val="50000"/>
                <a:lumOff val="50000"/>
                <a:alpha val="62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5" name="TextBox 14"/>
          <p:cNvSpPr txBox="1"/>
          <p:nvPr/>
        </p:nvSpPr>
        <p:spPr>
          <a:xfrm>
            <a:off x="3424658" y="4777679"/>
            <a:ext cx="2164080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800" i="1" smtClean="0"/>
              <a:t>Turnover includes: Sales, Vendor Allowance &amp; Other Operating Income</a:t>
            </a:r>
            <a:endParaRPr lang="en-US" sz="800" i="1"/>
          </a:p>
        </p:txBody>
      </p:sp>
      <p:pic>
        <p:nvPicPr>
          <p:cNvPr id="31999" name="Picture 255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8960" y="504190"/>
            <a:ext cx="2420279" cy="210312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2000" name="Picture 256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24658" y="504190"/>
            <a:ext cx="2370884" cy="210312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2002" name="Picture 258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215108" y="2698751"/>
            <a:ext cx="3686493" cy="206375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2003" name="Picture 259"/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651760" y="2698751"/>
            <a:ext cx="3658982" cy="198009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6" name="Picture 29"/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2025" name="Picture 281"/>
          <p:cNvPicPr>
            <a:picLocks noChangeAspect="1" noChangeArrowheads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419696" y="489125"/>
            <a:ext cx="2175664" cy="218275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9" name="Rounded Rectangle 18"/>
          <p:cNvSpPr/>
          <p:nvPr/>
        </p:nvSpPr>
        <p:spPr>
          <a:xfrm>
            <a:off x="6172200" y="412750"/>
            <a:ext cx="2667000" cy="2286000"/>
          </a:xfrm>
          <a:prstGeom prst="roundRect">
            <a:avLst/>
          </a:prstGeom>
          <a:noFill/>
          <a:ln>
            <a:solidFill>
              <a:schemeClr val="tx1">
                <a:lumMod val="50000"/>
                <a:lumOff val="50000"/>
                <a:alpha val="62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32028" name="Picture 284"/>
          <p:cNvPicPr>
            <a:picLocks noChangeAspect="1" noChangeArrowheads="1"/>
          </p:cNvPicPr>
          <p:nvPr/>
        </p:nvPicPr>
        <p:blipFill rotWithShape="1"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7600" t="8429" r="26843" b="8920"/>
          <a:stretch/>
        </p:blipFill>
        <p:spPr bwMode="auto">
          <a:xfrm>
            <a:off x="6613313" y="2867028"/>
            <a:ext cx="1784773" cy="172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210307200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6831" name="think-cell Slide" r:id="rId4" imgW="360" imgH="360" progId="">
                  <p:embed/>
                </p:oleObj>
              </mc:Choice>
              <mc:Fallback>
                <p:oleObj name="think-cell Slide" r:id="rId4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23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2" name="AutoShape 2" descr="Imagini pentru economics"/>
          <p:cNvSpPr>
            <a:spLocks noChangeAspect="1" noChangeArrowheads="1"/>
          </p:cNvSpPr>
          <p:nvPr/>
        </p:nvSpPr>
        <p:spPr bwMode="auto">
          <a:xfrm>
            <a:off x="155575" y="-108346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3" name="AutoShape 4" descr="Imagini pentru economics"/>
          <p:cNvSpPr>
            <a:spLocks noChangeAspect="1" noChangeArrowheads="1"/>
          </p:cNvSpPr>
          <p:nvPr/>
        </p:nvSpPr>
        <p:spPr bwMode="auto">
          <a:xfrm>
            <a:off x="307975" y="59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5" name="AutoShape 9" descr="Imagini pentru economy png"/>
          <p:cNvSpPr>
            <a:spLocks noChangeAspect="1" noChangeArrowheads="1"/>
          </p:cNvSpPr>
          <p:nvPr/>
        </p:nvSpPr>
        <p:spPr bwMode="auto">
          <a:xfrm>
            <a:off x="460375" y="1202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9" name="AutoShape 11" descr="Imagini pentru economy png"/>
          <p:cNvSpPr>
            <a:spLocks noChangeAspect="1" noChangeArrowheads="1"/>
          </p:cNvSpPr>
          <p:nvPr/>
        </p:nvSpPr>
        <p:spPr bwMode="auto">
          <a:xfrm>
            <a:off x="612775" y="234554"/>
            <a:ext cx="3048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pic>
        <p:nvPicPr>
          <p:cNvPr id="116756" name="Picture 20" descr="C:\Users\anamaria_ionita\Desktop\Prezentare Mega\Preze-08.jp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63797" y="-20750"/>
            <a:ext cx="9207797" cy="51642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TextBox 14"/>
          <p:cNvSpPr txBox="1"/>
          <p:nvPr/>
        </p:nvSpPr>
        <p:spPr>
          <a:xfrm>
            <a:off x="3048000" y="1885951"/>
            <a:ext cx="3810000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dirty="0" smtClean="0">
                <a:solidFill>
                  <a:schemeClr val="bg1"/>
                </a:solidFill>
              </a:rPr>
              <a:t>MEGA IMAGE PERFORMANCE</a:t>
            </a:r>
            <a:endParaRPr lang="en-US" sz="2800" b="1" dirty="0">
              <a:solidFill>
                <a:schemeClr val="bg1"/>
              </a:solidFill>
            </a:endParaRPr>
          </a:p>
        </p:txBody>
      </p:sp>
      <p:pic>
        <p:nvPicPr>
          <p:cNvPr id="10" name="Picture 29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684290057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Slide Number Placeholder 2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pPr>
              <a:defRPr/>
            </a:pPr>
            <a:r>
              <a:rPr lang="fr-FR" smtClean="0"/>
              <a:t>| </a:t>
            </a:r>
            <a:r>
              <a:rPr lang="en-US" smtClean="0"/>
              <a:t> </a:t>
            </a:r>
            <a:fld id="{E8EA0C20-C23B-EC45-AFCE-E5370929061F}" type="slidenum">
              <a:rPr lang="en-US" smtClean="0"/>
              <a:pPr>
                <a:defRPr/>
              </a:pPr>
              <a:t>24</a:t>
            </a:fld>
            <a:endParaRPr lang="fr-FR" dirty="0"/>
          </a:p>
        </p:txBody>
      </p:sp>
      <p:sp>
        <p:nvSpPr>
          <p:cNvPr id="82" name="Title 15"/>
          <p:cNvSpPr txBox="1">
            <a:spLocks/>
          </p:cNvSpPr>
          <p:nvPr/>
        </p:nvSpPr>
        <p:spPr>
          <a:xfrm>
            <a:off x="685800" y="-19050"/>
            <a:ext cx="8229600" cy="324036"/>
          </a:xfrm>
          <a:prstGeom prst="rect">
            <a:avLst/>
          </a:prstGeom>
        </p:spPr>
        <p:txBody>
          <a:bodyPr lIns="91394" tIns="45697" rIns="91394" bIns="45697"/>
          <a:lstStyle/>
          <a:p>
            <a:pPr defTabSz="456972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2400" b="1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rPr>
              <a:t>Mega </a:t>
            </a:r>
            <a:r>
              <a:rPr lang="en-US" sz="2400" b="1" smtClean="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rPr>
              <a:t>Image </a:t>
            </a:r>
            <a:r>
              <a:rPr lang="en-US" sz="2400" b="1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rPr>
              <a:t>– Identity Card</a:t>
            </a:r>
            <a:endParaRPr lang="en-US" sz="2400" b="1" dirty="0">
              <a:solidFill>
                <a:srgbClr val="4F6228"/>
              </a:solidFill>
              <a:latin typeface="Arial"/>
              <a:ea typeface="ＭＳ Ｐゴシック" charset="-128"/>
              <a:cs typeface="ＭＳ Ｐゴシック" pitchFamily="-108" charset="-128"/>
            </a:endParaRPr>
          </a:p>
        </p:txBody>
      </p:sp>
      <p:pic>
        <p:nvPicPr>
          <p:cNvPr id="129027" name="Picture 3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70356" y="619224"/>
            <a:ext cx="7003288" cy="43068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6" name="Picture 29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6721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52" name="TextBox 151"/>
          <p:cNvSpPr txBox="1"/>
          <p:nvPr/>
        </p:nvSpPr>
        <p:spPr>
          <a:xfrm>
            <a:off x="1173257" y="478522"/>
            <a:ext cx="7256368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b="1" smtClean="0">
                <a:solidFill>
                  <a:srgbClr val="005555"/>
                </a:solidFill>
              </a:rPr>
              <a:t>ROUMANIE						            ROMANIA</a:t>
            </a:r>
            <a:endParaRPr lang="en-US" sz="1200" b="1">
              <a:solidFill>
                <a:srgbClr val="005555"/>
              </a:solidFill>
            </a:endParaRPr>
          </a:p>
        </p:txBody>
      </p:sp>
      <p:grpSp>
        <p:nvGrpSpPr>
          <p:cNvPr id="153" name="Group 152"/>
          <p:cNvGrpSpPr/>
          <p:nvPr/>
        </p:nvGrpSpPr>
        <p:grpSpPr>
          <a:xfrm>
            <a:off x="2679397" y="585296"/>
            <a:ext cx="3785206" cy="82240"/>
            <a:chOff x="2590800" y="-609620"/>
            <a:chExt cx="4114800" cy="328958"/>
          </a:xfrm>
        </p:grpSpPr>
        <p:sp>
          <p:nvSpPr>
            <p:cNvPr id="154" name="Rectangle 153"/>
            <p:cNvSpPr/>
            <p:nvPr/>
          </p:nvSpPr>
          <p:spPr>
            <a:xfrm>
              <a:off x="2590800" y="-609620"/>
              <a:ext cx="1371600" cy="328958"/>
            </a:xfrm>
            <a:prstGeom prst="rect">
              <a:avLst/>
            </a:prstGeom>
            <a:solidFill>
              <a:srgbClr val="0036A2"/>
            </a:solidFill>
            <a:ln>
              <a:noFill/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400"/>
            </a:p>
          </p:txBody>
        </p:sp>
        <p:sp>
          <p:nvSpPr>
            <p:cNvPr id="155" name="Rectangle 154"/>
            <p:cNvSpPr/>
            <p:nvPr/>
          </p:nvSpPr>
          <p:spPr>
            <a:xfrm>
              <a:off x="3962400" y="-609620"/>
              <a:ext cx="1371600" cy="328958"/>
            </a:xfrm>
            <a:prstGeom prst="rect">
              <a:avLst/>
            </a:prstGeom>
            <a:solidFill>
              <a:srgbClr val="FFFF00"/>
            </a:solidFill>
            <a:ln>
              <a:noFill/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400"/>
            </a:p>
          </p:txBody>
        </p:sp>
        <p:sp>
          <p:nvSpPr>
            <p:cNvPr id="156" name="Rectangle 155"/>
            <p:cNvSpPr/>
            <p:nvPr/>
          </p:nvSpPr>
          <p:spPr>
            <a:xfrm>
              <a:off x="5334000" y="-609620"/>
              <a:ext cx="1371600" cy="328958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400"/>
            </a:p>
          </p:txBody>
        </p:sp>
      </p:grpSp>
    </p:spTree>
    <p:extLst>
      <p:ext uri="{BB962C8B-B14F-4D97-AF65-F5344CB8AC3E}">
        <p14:creationId xmlns:p14="http://schemas.microsoft.com/office/powerpoint/2010/main" val="172606509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7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5" name="Picture 44" descr="sky_03.jpg"/>
          <p:cNvPicPr>
            <a:picLocks noChangeAspect="1"/>
          </p:cNvPicPr>
          <p:nvPr/>
        </p:nvPicPr>
        <p:blipFill>
          <a:blip r:embed="rId4" cstate="print">
            <a:lum bright="20000"/>
          </a:blip>
          <a:stretch>
            <a:fillRect/>
          </a:stretch>
        </p:blipFill>
        <p:spPr>
          <a:xfrm>
            <a:off x="480703" y="514351"/>
            <a:ext cx="8229600" cy="4093009"/>
          </a:xfrm>
          <a:prstGeom prst="rect">
            <a:avLst/>
          </a:prstGeom>
        </p:spPr>
      </p:pic>
      <p:sp>
        <p:nvSpPr>
          <p:cNvPr id="3" name="Slide Number Placeholder 2"/>
          <p:cNvSpPr>
            <a:spLocks noGrp="1"/>
          </p:cNvSpPr>
          <p:nvPr>
            <p:ph type="sldNum" sz="quarter" idx="4"/>
          </p:nvPr>
        </p:nvSpPr>
        <p:spPr/>
        <p:txBody>
          <a:bodyPr/>
          <a:lstStyle/>
          <a:p>
            <a:pPr>
              <a:defRPr/>
            </a:pPr>
            <a:r>
              <a:rPr lang="fr-FR" smtClean="0"/>
              <a:t>| </a:t>
            </a:r>
            <a:r>
              <a:rPr lang="en-US" smtClean="0"/>
              <a:t> </a:t>
            </a:r>
            <a:fld id="{E8EA0C20-C23B-EC45-AFCE-E5370929061F}" type="slidenum">
              <a:rPr lang="en-US" smtClean="0"/>
              <a:pPr>
                <a:defRPr/>
              </a:pPr>
              <a:t>25</a:t>
            </a:fld>
            <a:endParaRPr lang="fr-FR" dirty="0"/>
          </a:p>
        </p:txBody>
      </p:sp>
      <p:sp>
        <p:nvSpPr>
          <p:cNvPr id="6" name="Title 15"/>
          <p:cNvSpPr txBox="1">
            <a:spLocks/>
          </p:cNvSpPr>
          <p:nvPr/>
        </p:nvSpPr>
        <p:spPr>
          <a:xfrm>
            <a:off x="685800" y="-12886"/>
            <a:ext cx="8229600" cy="324036"/>
          </a:xfrm>
          <a:prstGeom prst="rect">
            <a:avLst/>
          </a:prstGeom>
        </p:spPr>
        <p:txBody>
          <a:bodyPr lIns="91394" tIns="45697" rIns="91394" bIns="45697"/>
          <a:lstStyle/>
          <a:p>
            <a:pPr defTabSz="456972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2400" b="1" dirty="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rPr>
              <a:t>Mega Image Story</a:t>
            </a:r>
          </a:p>
        </p:txBody>
      </p:sp>
      <p:grpSp>
        <p:nvGrpSpPr>
          <p:cNvPr id="46" name="Group 45"/>
          <p:cNvGrpSpPr/>
          <p:nvPr/>
        </p:nvGrpSpPr>
        <p:grpSpPr>
          <a:xfrm>
            <a:off x="457200" y="814575"/>
            <a:ext cx="8218016" cy="3585975"/>
            <a:chOff x="304800" y="1295400"/>
            <a:chExt cx="8370416" cy="4778091"/>
          </a:xfrm>
        </p:grpSpPr>
        <p:grpSp>
          <p:nvGrpSpPr>
            <p:cNvPr id="26" name="Group 25"/>
            <p:cNvGrpSpPr/>
            <p:nvPr/>
          </p:nvGrpSpPr>
          <p:grpSpPr>
            <a:xfrm>
              <a:off x="304800" y="3962400"/>
              <a:ext cx="1003140" cy="2111091"/>
              <a:chOff x="457200" y="3505200"/>
              <a:chExt cx="1356363" cy="2854443"/>
            </a:xfrm>
          </p:grpSpPr>
          <p:pic>
            <p:nvPicPr>
              <p:cNvPr id="21" name="Picture 20" descr="BALOON 1995.png"/>
              <p:cNvPicPr>
                <a:picLocks noChangeAspect="1"/>
              </p:cNvPicPr>
              <p:nvPr/>
            </p:nvPicPr>
            <p:blipFill>
              <a:blip r:embed="rId5" cstate="print"/>
              <a:stretch>
                <a:fillRect/>
              </a:stretch>
            </p:blipFill>
            <p:spPr>
              <a:xfrm>
                <a:off x="457200" y="3505200"/>
                <a:ext cx="1356363" cy="2054356"/>
              </a:xfrm>
              <a:prstGeom prst="rect">
                <a:avLst/>
              </a:prstGeom>
            </p:spPr>
          </p:pic>
          <p:sp>
            <p:nvSpPr>
              <p:cNvPr id="22" name="TextBox 165"/>
              <p:cNvSpPr txBox="1"/>
              <p:nvPr/>
            </p:nvSpPr>
            <p:spPr>
              <a:xfrm>
                <a:off x="489568" y="5638800"/>
                <a:ext cx="1263029" cy="720843"/>
              </a:xfrm>
              <a:prstGeom prst="rect">
                <a:avLst/>
              </a:prstGeom>
              <a:solidFill>
                <a:schemeClr val="bg2"/>
              </a:solidFill>
              <a:ln w="28575">
                <a:noFill/>
                <a:prstDash val="sysDot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60949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21898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82848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43797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304746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65696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26645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87594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lvl="0" algn="ctr" fontAlgn="auto">
                  <a:spcBef>
                    <a:spcPts val="0"/>
                  </a:spcBef>
                  <a:spcAft>
                    <a:spcPts val="0"/>
                  </a:spcAft>
                </a:pPr>
                <a:r>
                  <a:rPr lang="en-US" sz="1000" b="1" kern="0" cap="all" dirty="0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1st store opening</a:t>
                </a:r>
                <a:endParaRPr lang="en-US" sz="1000" b="1" kern="0" cap="all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Arial Narrow" pitchFamily="34" charset="0"/>
                  <a:cs typeface="Arial" panose="020B0604020202020204" pitchFamily="34" charset="0"/>
                </a:endParaRPr>
              </a:p>
            </p:txBody>
          </p:sp>
        </p:grpSp>
        <p:grpSp>
          <p:nvGrpSpPr>
            <p:cNvPr id="25" name="Group 24"/>
            <p:cNvGrpSpPr/>
            <p:nvPr/>
          </p:nvGrpSpPr>
          <p:grpSpPr>
            <a:xfrm>
              <a:off x="1057436" y="2968818"/>
              <a:ext cx="1228564" cy="2848639"/>
              <a:chOff x="1981200" y="2968456"/>
              <a:chExt cx="1356363" cy="3194766"/>
            </a:xfrm>
          </p:grpSpPr>
          <p:pic>
            <p:nvPicPr>
              <p:cNvPr id="23" name="Picture 22" descr="BALOON 1995.png"/>
              <p:cNvPicPr>
                <a:picLocks noChangeAspect="1"/>
              </p:cNvPicPr>
              <p:nvPr/>
            </p:nvPicPr>
            <p:blipFill>
              <a:blip r:embed="rId6" cstate="print"/>
              <a:stretch>
                <a:fillRect/>
              </a:stretch>
            </p:blipFill>
            <p:spPr>
              <a:xfrm>
                <a:off x="1981200" y="2968456"/>
                <a:ext cx="1356363" cy="2054354"/>
              </a:xfrm>
              <a:prstGeom prst="rect">
                <a:avLst/>
              </a:prstGeom>
            </p:spPr>
          </p:pic>
          <p:sp>
            <p:nvSpPr>
              <p:cNvPr id="24" name="TextBox 165"/>
              <p:cNvSpPr txBox="1"/>
              <p:nvPr/>
            </p:nvSpPr>
            <p:spPr>
              <a:xfrm>
                <a:off x="2013569" y="5105401"/>
                <a:ext cx="1263031" cy="1057821"/>
              </a:xfrm>
              <a:prstGeom prst="rect">
                <a:avLst/>
              </a:prstGeom>
              <a:solidFill>
                <a:schemeClr val="bg2"/>
              </a:solidFill>
              <a:ln w="28575">
                <a:noFill/>
                <a:prstDash val="sysDot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60949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21898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82848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43797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304746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65696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26645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87594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lvl="0" algn="ctr" fontAlgn="auto">
                  <a:spcBef>
                    <a:spcPts val="0"/>
                  </a:spcBef>
                  <a:spcAft>
                    <a:spcPts val="0"/>
                  </a:spcAft>
                </a:pPr>
                <a:r>
                  <a:rPr lang="en-US" sz="1000" b="1" kern="0" cap="all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Delhaize Group acquires 51% of MI shares;</a:t>
                </a:r>
              </a:p>
              <a:p>
                <a:pPr lvl="0" algn="ctr" fontAlgn="auto">
                  <a:spcBef>
                    <a:spcPts val="0"/>
                  </a:spcBef>
                  <a:spcAft>
                    <a:spcPts val="0"/>
                  </a:spcAft>
                </a:pPr>
                <a:r>
                  <a:rPr lang="en-US" sz="1000" b="1" kern="0" cap="all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10 Stores</a:t>
                </a:r>
                <a:endParaRPr lang="en-US" sz="1000" b="1" kern="0" cap="all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Arial Narrow" pitchFamily="34" charset="0"/>
                  <a:cs typeface="Arial" panose="020B0604020202020204" pitchFamily="34" charset="0"/>
                </a:endParaRPr>
              </a:p>
            </p:txBody>
          </p:sp>
        </p:grpSp>
        <p:grpSp>
          <p:nvGrpSpPr>
            <p:cNvPr id="27" name="Group 26"/>
            <p:cNvGrpSpPr/>
            <p:nvPr/>
          </p:nvGrpSpPr>
          <p:grpSpPr>
            <a:xfrm>
              <a:off x="1981200" y="1981200"/>
              <a:ext cx="1204832" cy="2824282"/>
              <a:chOff x="1844844" y="2561978"/>
              <a:chExt cx="1629074" cy="3818761"/>
            </a:xfrm>
          </p:grpSpPr>
          <p:pic>
            <p:nvPicPr>
              <p:cNvPr id="28" name="Picture 27" descr="BALOON 1995.png"/>
              <p:cNvPicPr>
                <a:picLocks noChangeAspect="1"/>
              </p:cNvPicPr>
              <p:nvPr/>
            </p:nvPicPr>
            <p:blipFill>
              <a:blip r:embed="rId7" cstate="print"/>
              <a:stretch>
                <a:fillRect/>
              </a:stretch>
            </p:blipFill>
            <p:spPr>
              <a:xfrm>
                <a:off x="1844844" y="2561978"/>
                <a:ext cx="1629074" cy="2461873"/>
              </a:xfrm>
              <a:prstGeom prst="rect">
                <a:avLst/>
              </a:prstGeom>
            </p:spPr>
          </p:pic>
          <p:sp>
            <p:nvSpPr>
              <p:cNvPr id="29" name="TextBox 165"/>
              <p:cNvSpPr txBox="1"/>
              <p:nvPr/>
            </p:nvSpPr>
            <p:spPr>
              <a:xfrm>
                <a:off x="2013568" y="5105402"/>
                <a:ext cx="1263030" cy="1275337"/>
              </a:xfrm>
              <a:prstGeom prst="rect">
                <a:avLst/>
              </a:prstGeom>
              <a:solidFill>
                <a:schemeClr val="bg2"/>
              </a:solidFill>
              <a:ln w="28575">
                <a:noFill/>
                <a:prstDash val="sysDot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60949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21898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82848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43797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304746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65696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26645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87594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lvl="0" algn="ctr" fontAlgn="auto">
                  <a:spcBef>
                    <a:spcPts val="0"/>
                  </a:spcBef>
                  <a:spcAft>
                    <a:spcPts val="0"/>
                  </a:spcAft>
                </a:pPr>
                <a:r>
                  <a:rPr lang="en-US" sz="1000" b="1" kern="0" cap="all" dirty="0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Delhaize Group finalizes MI acquisition</a:t>
                </a:r>
                <a:endParaRPr lang="en-US" sz="1000" b="1" kern="0" cap="all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Arial Narrow" pitchFamily="34" charset="0"/>
                  <a:cs typeface="Arial" panose="020B0604020202020204" pitchFamily="34" charset="0"/>
                </a:endParaRPr>
              </a:p>
            </p:txBody>
          </p:sp>
        </p:grpSp>
        <p:grpSp>
          <p:nvGrpSpPr>
            <p:cNvPr id="30" name="Group 29"/>
            <p:cNvGrpSpPr/>
            <p:nvPr/>
          </p:nvGrpSpPr>
          <p:grpSpPr>
            <a:xfrm>
              <a:off x="2971800" y="2743200"/>
              <a:ext cx="1212129" cy="3050703"/>
              <a:chOff x="1990272" y="2971800"/>
              <a:chExt cx="1338218" cy="3421381"/>
            </a:xfrm>
          </p:grpSpPr>
          <p:pic>
            <p:nvPicPr>
              <p:cNvPr id="31" name="Picture 30" descr="BALOON 1995.png"/>
              <p:cNvPicPr>
                <a:picLocks noChangeAspect="1"/>
              </p:cNvPicPr>
              <p:nvPr/>
            </p:nvPicPr>
            <p:blipFill>
              <a:blip r:embed="rId8" cstate="print"/>
              <a:stretch>
                <a:fillRect/>
              </a:stretch>
            </p:blipFill>
            <p:spPr>
              <a:xfrm>
                <a:off x="1990272" y="2971800"/>
                <a:ext cx="1338218" cy="2054355"/>
              </a:xfrm>
              <a:prstGeom prst="rect">
                <a:avLst/>
              </a:prstGeom>
            </p:spPr>
          </p:pic>
          <p:sp>
            <p:nvSpPr>
              <p:cNvPr id="32" name="TextBox 165"/>
              <p:cNvSpPr txBox="1"/>
              <p:nvPr/>
            </p:nvSpPr>
            <p:spPr>
              <a:xfrm>
                <a:off x="2013568" y="5105400"/>
                <a:ext cx="1263031" cy="1287781"/>
              </a:xfrm>
              <a:prstGeom prst="rect">
                <a:avLst/>
              </a:prstGeom>
              <a:solidFill>
                <a:schemeClr val="bg2"/>
              </a:solidFill>
              <a:ln w="28575">
                <a:noFill/>
                <a:prstDash val="sysDot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60949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21898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82848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43797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304746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65696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26645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87594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lvl="0" algn="ctr" fontAlgn="auto">
                  <a:spcBef>
                    <a:spcPts val="0"/>
                  </a:spcBef>
                  <a:spcAft>
                    <a:spcPts val="0"/>
                  </a:spcAft>
                </a:pPr>
                <a:r>
                  <a:rPr lang="en-US" sz="1000" b="1" kern="0" cap="all" dirty="0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Acquisition of 14 La </a:t>
                </a:r>
                <a:r>
                  <a:rPr lang="en-US" sz="1000" b="1" kern="0" cap="all" dirty="0" err="1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Fourmi</a:t>
                </a:r>
                <a:r>
                  <a:rPr lang="en-US" sz="1000" b="1" kern="0" cap="all" dirty="0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 stores</a:t>
                </a:r>
              </a:p>
              <a:p>
                <a:pPr lvl="0" algn="ctr" fontAlgn="auto">
                  <a:spcBef>
                    <a:spcPts val="0"/>
                  </a:spcBef>
                  <a:spcAft>
                    <a:spcPts val="0"/>
                  </a:spcAft>
                </a:pPr>
                <a:r>
                  <a:rPr lang="en-US" sz="1000" b="1" kern="0" cap="all" dirty="0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(reaching 40 stores)</a:t>
                </a:r>
                <a:endParaRPr lang="en-US" sz="1000" b="1" kern="0" cap="all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Arial Narrow" pitchFamily="34" charset="0"/>
                  <a:cs typeface="Arial" panose="020B0604020202020204" pitchFamily="34" charset="0"/>
                </a:endParaRPr>
              </a:p>
            </p:txBody>
          </p:sp>
        </p:grpSp>
        <p:grpSp>
          <p:nvGrpSpPr>
            <p:cNvPr id="33" name="Group 32"/>
            <p:cNvGrpSpPr/>
            <p:nvPr/>
          </p:nvGrpSpPr>
          <p:grpSpPr>
            <a:xfrm>
              <a:off x="3810000" y="1878124"/>
              <a:ext cx="1414120" cy="2896802"/>
              <a:chOff x="1878772" y="2601348"/>
              <a:chExt cx="1561221" cy="3248783"/>
            </a:xfrm>
          </p:grpSpPr>
          <p:pic>
            <p:nvPicPr>
              <p:cNvPr id="34" name="Picture 33" descr="BALOON 1995.png"/>
              <p:cNvPicPr>
                <a:picLocks noChangeAspect="1"/>
              </p:cNvPicPr>
              <p:nvPr/>
            </p:nvPicPr>
            <p:blipFill>
              <a:blip r:embed="rId9" cstate="print"/>
              <a:stretch>
                <a:fillRect/>
              </a:stretch>
            </p:blipFill>
            <p:spPr>
              <a:xfrm>
                <a:off x="1878772" y="2601348"/>
                <a:ext cx="1561221" cy="2393142"/>
              </a:xfrm>
              <a:prstGeom prst="rect">
                <a:avLst/>
              </a:prstGeom>
            </p:spPr>
          </p:pic>
          <p:sp>
            <p:nvSpPr>
              <p:cNvPr id="35" name="TextBox 165"/>
              <p:cNvSpPr txBox="1"/>
              <p:nvPr/>
            </p:nvSpPr>
            <p:spPr>
              <a:xfrm>
                <a:off x="2154445" y="5022270"/>
                <a:ext cx="1051149" cy="827861"/>
              </a:xfrm>
              <a:prstGeom prst="rect">
                <a:avLst/>
              </a:prstGeom>
              <a:solidFill>
                <a:schemeClr val="bg2"/>
              </a:solidFill>
              <a:ln w="28575">
                <a:noFill/>
                <a:prstDash val="sysDot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60949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21898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82848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43797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304746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65696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26645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87594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lvl="0" algn="ctr" fontAlgn="auto">
                  <a:spcBef>
                    <a:spcPts val="0"/>
                  </a:spcBef>
                  <a:spcAft>
                    <a:spcPts val="0"/>
                  </a:spcAft>
                </a:pPr>
                <a:r>
                  <a:rPr lang="en-US" sz="1000" b="1" kern="0" cap="all" dirty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Acquisition of 4 </a:t>
                </a:r>
                <a:r>
                  <a:rPr lang="en-US" sz="1000" b="1" kern="0" cap="all" dirty="0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 PRODAS STORES</a:t>
                </a:r>
                <a:endParaRPr lang="en-US" sz="1000" b="1" kern="0" cap="all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Arial Narrow" pitchFamily="34" charset="0"/>
                  <a:cs typeface="Arial" panose="020B0604020202020204" pitchFamily="34" charset="0"/>
                </a:endParaRPr>
              </a:p>
            </p:txBody>
          </p:sp>
        </p:grpSp>
        <p:grpSp>
          <p:nvGrpSpPr>
            <p:cNvPr id="36" name="Group 35"/>
            <p:cNvGrpSpPr/>
            <p:nvPr/>
          </p:nvGrpSpPr>
          <p:grpSpPr>
            <a:xfrm>
              <a:off x="4953000" y="2057400"/>
              <a:ext cx="1381390" cy="2899608"/>
              <a:chOff x="1896839" y="2681333"/>
              <a:chExt cx="1525086" cy="3251929"/>
            </a:xfrm>
          </p:grpSpPr>
          <p:pic>
            <p:nvPicPr>
              <p:cNvPr id="37" name="Picture 36" descr="BALOON 1995.png"/>
              <p:cNvPicPr>
                <a:picLocks noChangeAspect="1"/>
              </p:cNvPicPr>
              <p:nvPr/>
            </p:nvPicPr>
            <p:blipFill>
              <a:blip r:embed="rId10" cstate="print"/>
              <a:stretch>
                <a:fillRect/>
              </a:stretch>
            </p:blipFill>
            <p:spPr>
              <a:xfrm>
                <a:off x="1896839" y="2681333"/>
                <a:ext cx="1525086" cy="2342999"/>
              </a:xfrm>
              <a:prstGeom prst="rect">
                <a:avLst/>
              </a:prstGeom>
            </p:spPr>
          </p:pic>
          <p:sp>
            <p:nvSpPr>
              <p:cNvPr id="38" name="TextBox 165"/>
              <p:cNvSpPr txBox="1"/>
              <p:nvPr/>
            </p:nvSpPr>
            <p:spPr>
              <a:xfrm>
                <a:off x="2013568" y="5105401"/>
                <a:ext cx="1263030" cy="827861"/>
              </a:xfrm>
              <a:prstGeom prst="rect">
                <a:avLst/>
              </a:prstGeom>
              <a:solidFill>
                <a:schemeClr val="bg2"/>
              </a:solidFill>
              <a:ln w="28575">
                <a:noFill/>
                <a:prstDash val="sysDot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60949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21898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82848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43797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304746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65696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26645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87594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lvl="0" algn="ctr" fontAlgn="auto">
                  <a:spcBef>
                    <a:spcPts val="0"/>
                  </a:spcBef>
                  <a:spcAft>
                    <a:spcPts val="0"/>
                  </a:spcAft>
                </a:pPr>
                <a:r>
                  <a:rPr lang="en-US" sz="1000" b="1" kern="0" cap="all" dirty="0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 Shop &amp; Go launch (253 SG stores 2015 YE)</a:t>
                </a:r>
                <a:endParaRPr lang="en-US" sz="1000" b="1" kern="0" cap="all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Arial Narrow" pitchFamily="34" charset="0"/>
                  <a:cs typeface="Arial" panose="020B0604020202020204" pitchFamily="34" charset="0"/>
                </a:endParaRPr>
              </a:p>
            </p:txBody>
          </p:sp>
        </p:grpSp>
        <p:grpSp>
          <p:nvGrpSpPr>
            <p:cNvPr id="39" name="Group 38"/>
            <p:cNvGrpSpPr/>
            <p:nvPr/>
          </p:nvGrpSpPr>
          <p:grpSpPr>
            <a:xfrm>
              <a:off x="6096000" y="1447800"/>
              <a:ext cx="1535584" cy="2726160"/>
              <a:chOff x="1811720" y="2415930"/>
              <a:chExt cx="1695319" cy="3057407"/>
            </a:xfrm>
          </p:grpSpPr>
          <p:pic>
            <p:nvPicPr>
              <p:cNvPr id="40" name="Picture 39" descr="BALOON 1995.png"/>
              <p:cNvPicPr>
                <a:picLocks noChangeAspect="1"/>
              </p:cNvPicPr>
              <p:nvPr/>
            </p:nvPicPr>
            <p:blipFill>
              <a:blip r:embed="rId11" cstate="print"/>
              <a:stretch>
                <a:fillRect/>
              </a:stretch>
            </p:blipFill>
            <p:spPr>
              <a:xfrm>
                <a:off x="1811720" y="2415930"/>
                <a:ext cx="1695319" cy="2608405"/>
              </a:xfrm>
              <a:prstGeom prst="rect">
                <a:avLst/>
              </a:prstGeom>
            </p:spPr>
          </p:pic>
          <p:sp>
            <p:nvSpPr>
              <p:cNvPr id="41" name="TextBox 165"/>
              <p:cNvSpPr txBox="1"/>
              <p:nvPr/>
            </p:nvSpPr>
            <p:spPr>
              <a:xfrm>
                <a:off x="2013567" y="5105399"/>
                <a:ext cx="1263030" cy="367938"/>
              </a:xfrm>
              <a:prstGeom prst="rect">
                <a:avLst/>
              </a:prstGeom>
              <a:solidFill>
                <a:schemeClr val="bg2"/>
              </a:solidFill>
              <a:ln w="28575">
                <a:noFill/>
                <a:prstDash val="sysDot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60949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21898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82848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43797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304746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65696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26645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87594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lvl="0" algn="ctr" fontAlgn="auto">
                  <a:spcBef>
                    <a:spcPts val="0"/>
                  </a:spcBef>
                  <a:spcAft>
                    <a:spcPts val="0"/>
                  </a:spcAft>
                </a:pPr>
                <a:r>
                  <a:rPr lang="en-US" sz="1000" b="1" kern="0" cap="all" dirty="0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1</a:t>
                </a:r>
                <a:r>
                  <a:rPr lang="en-US" sz="1000" b="1" kern="0" cap="all" baseline="30000" dirty="0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st</a:t>
                </a:r>
                <a:r>
                  <a:rPr lang="en-US" sz="1000" b="1" kern="0" cap="all" dirty="0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 WH opening</a:t>
                </a:r>
                <a:endParaRPr lang="en-US" sz="1000" b="1" kern="0" cap="all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Arial Narrow" pitchFamily="34" charset="0"/>
                  <a:cs typeface="Arial" panose="020B0604020202020204" pitchFamily="34" charset="0"/>
                </a:endParaRPr>
              </a:p>
            </p:txBody>
          </p:sp>
        </p:grpSp>
        <p:grpSp>
          <p:nvGrpSpPr>
            <p:cNvPr id="42" name="Group 41"/>
            <p:cNvGrpSpPr/>
            <p:nvPr/>
          </p:nvGrpSpPr>
          <p:grpSpPr>
            <a:xfrm>
              <a:off x="7467600" y="1295400"/>
              <a:ext cx="1207616" cy="2844298"/>
              <a:chOff x="1992762" y="2973324"/>
              <a:chExt cx="1333235" cy="3189898"/>
            </a:xfrm>
          </p:grpSpPr>
          <p:pic>
            <p:nvPicPr>
              <p:cNvPr id="43" name="Picture 42" descr="BALOON 1995.png"/>
              <p:cNvPicPr>
                <a:picLocks noChangeAspect="1"/>
              </p:cNvPicPr>
              <p:nvPr/>
            </p:nvPicPr>
            <p:blipFill>
              <a:blip r:embed="rId12" cstate="print"/>
              <a:stretch>
                <a:fillRect/>
              </a:stretch>
            </p:blipFill>
            <p:spPr>
              <a:xfrm>
                <a:off x="1992762" y="2973324"/>
                <a:ext cx="1333235" cy="2051305"/>
              </a:xfrm>
              <a:prstGeom prst="rect">
                <a:avLst/>
              </a:prstGeom>
            </p:spPr>
          </p:pic>
          <p:sp>
            <p:nvSpPr>
              <p:cNvPr id="44" name="TextBox 165"/>
              <p:cNvSpPr txBox="1"/>
              <p:nvPr/>
            </p:nvSpPr>
            <p:spPr>
              <a:xfrm>
                <a:off x="2013567" y="5105401"/>
                <a:ext cx="1263030" cy="1057821"/>
              </a:xfrm>
              <a:prstGeom prst="rect">
                <a:avLst/>
              </a:prstGeom>
              <a:solidFill>
                <a:schemeClr val="bg2"/>
              </a:solidFill>
              <a:ln w="28575">
                <a:noFill/>
                <a:prstDash val="sysDot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60949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21898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82848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43797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304746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656960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266453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875947" algn="l" defTabSz="1218987" rtl="0" eaLnBrk="1" latinLnBrk="0" hangingPunct="1">
                  <a:defRPr sz="24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lvl="0" algn="ctr" fontAlgn="auto">
                  <a:spcBef>
                    <a:spcPts val="0"/>
                  </a:spcBef>
                  <a:spcAft>
                    <a:spcPts val="0"/>
                  </a:spcAft>
                </a:pPr>
                <a:r>
                  <a:rPr lang="en-US" sz="1000" b="1" kern="0" cap="all" dirty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Acquisition of Angst </a:t>
                </a:r>
                <a:r>
                  <a:rPr lang="en-US" sz="1000" b="1" kern="0" cap="all" dirty="0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(19 </a:t>
                </a:r>
                <a:r>
                  <a:rPr lang="en-US" sz="1000" b="1" kern="0" cap="all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stores);</a:t>
                </a:r>
              </a:p>
              <a:p>
                <a:pPr lvl="0" algn="ctr" fontAlgn="auto">
                  <a:spcBef>
                    <a:spcPts val="0"/>
                  </a:spcBef>
                  <a:spcAft>
                    <a:spcPts val="0"/>
                  </a:spcAft>
                </a:pPr>
                <a:r>
                  <a:rPr lang="en-US" sz="1000" b="1" kern="0" cap="all" smtClean="0">
                    <a:solidFill>
                      <a:prstClr val="black">
                        <a:lumMod val="75000"/>
                        <a:lumOff val="25000"/>
                      </a:prstClr>
                    </a:solidFill>
                    <a:latin typeface="Arial Narrow" pitchFamily="34" charset="0"/>
                    <a:cs typeface="Arial" panose="020B0604020202020204" pitchFamily="34" charset="0"/>
                  </a:rPr>
                  <a:t>410 STores</a:t>
                </a:r>
                <a:endParaRPr lang="en-US" sz="1000" b="1" kern="0" cap="all" dirty="0">
                  <a:solidFill>
                    <a:prstClr val="black">
                      <a:lumMod val="75000"/>
                      <a:lumOff val="25000"/>
                    </a:prstClr>
                  </a:solidFill>
                  <a:latin typeface="Arial Narrow" pitchFamily="34" charset="0"/>
                  <a:cs typeface="Arial" panose="020B0604020202020204" pitchFamily="34" charset="0"/>
                </a:endParaRPr>
              </a:p>
            </p:txBody>
          </p:sp>
        </p:grpSp>
      </p:grpSp>
      <p:pic>
        <p:nvPicPr>
          <p:cNvPr id="48" name="Picture 29"/>
          <p:cNvPicPr>
            <a:picLocks noChangeAspect="1" noChangeArrowheads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5198568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993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26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10" name="Title 1"/>
          <p:cNvSpPr>
            <a:spLocks noGrp="1"/>
          </p:cNvSpPr>
          <p:nvPr>
            <p:ph type="title" idx="4294967295"/>
          </p:nvPr>
        </p:nvSpPr>
        <p:spPr>
          <a:xfrm>
            <a:off x="700336" y="-184"/>
            <a:ext cx="8672264" cy="387534"/>
          </a:xfrm>
        </p:spPr>
        <p:txBody>
          <a:bodyPr/>
          <a:lstStyle/>
          <a:p>
            <a:pPr>
              <a:defRPr/>
            </a:pPr>
            <a:r>
              <a:rPr lang="it-IT" sz="2400" b="1" dirty="0"/>
              <a:t>Mega Image presence in Romania</a:t>
            </a:r>
          </a:p>
        </p:txBody>
      </p:sp>
      <p:pic>
        <p:nvPicPr>
          <p:cNvPr id="30725" name="Picture 5" descr="Harta magazinelor Mega Image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4800" y="792480"/>
            <a:ext cx="5257800" cy="345567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TextBox 5"/>
          <p:cNvSpPr txBox="1"/>
          <p:nvPr/>
        </p:nvSpPr>
        <p:spPr>
          <a:xfrm>
            <a:off x="5798972" y="590550"/>
            <a:ext cx="2631452" cy="4070400"/>
          </a:xfrm>
          <a:prstGeom prst="roundRect">
            <a:avLst/>
          </a:prstGeom>
          <a:ln>
            <a:solidFill>
              <a:schemeClr val="tx1">
                <a:lumMod val="50000"/>
                <a:lumOff val="50000"/>
                <a:alpha val="76000"/>
              </a:schemeClr>
            </a:solidFill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wrap="square" lIns="91394" tIns="45697" rIns="91394" bIns="45697" rtlCol="0">
            <a:spAutoFit/>
          </a:bodyPr>
          <a:lstStyle/>
          <a:p>
            <a:pPr algn="ctr"/>
            <a:r>
              <a:rPr lang="en-US" sz="2800" b="1" smtClean="0">
                <a:solidFill>
                  <a:srgbClr val="0070C0"/>
                </a:solidFill>
                <a:latin typeface="Calibri" panose="020F0502020204030204" pitchFamily="34" charset="0"/>
              </a:rPr>
              <a:t>526</a:t>
            </a:r>
            <a:r>
              <a:rPr lang="en-US" sz="2400" smtClean="0">
                <a:latin typeface="Calibri" panose="020F0502020204030204" pitchFamily="34" charset="0"/>
              </a:rPr>
              <a:t> </a:t>
            </a:r>
            <a:r>
              <a:rPr lang="en-US" sz="2400" dirty="0" smtClean="0">
                <a:latin typeface="Calibri" panose="020F0502020204030204" pitchFamily="34" charset="0"/>
              </a:rPr>
              <a:t>Stores </a:t>
            </a:r>
            <a:br>
              <a:rPr lang="en-US" sz="2400" dirty="0" smtClean="0">
                <a:latin typeface="Calibri" panose="020F0502020204030204" pitchFamily="34" charset="0"/>
              </a:rPr>
            </a:br>
            <a:r>
              <a:rPr lang="en-US" sz="2400" dirty="0" smtClean="0">
                <a:latin typeface="Calibri" panose="020F0502020204030204" pitchFamily="34" charset="0"/>
              </a:rPr>
              <a:t>in Romania</a:t>
            </a:r>
          </a:p>
          <a:p>
            <a:pPr algn="ctr"/>
            <a:endParaRPr lang="en-US" sz="2400" dirty="0">
              <a:latin typeface="Calibri" panose="020F0502020204030204" pitchFamily="34" charset="0"/>
            </a:endParaRPr>
          </a:p>
          <a:p>
            <a:pPr algn="ctr"/>
            <a:endParaRPr lang="en-US" sz="2400" dirty="0" smtClean="0">
              <a:latin typeface="Calibri" panose="020F0502020204030204" pitchFamily="34" charset="0"/>
            </a:endParaRPr>
          </a:p>
          <a:p>
            <a:pPr algn="ctr"/>
            <a:endParaRPr lang="en-US" sz="2400" dirty="0">
              <a:latin typeface="Calibri" panose="020F0502020204030204" pitchFamily="34" charset="0"/>
            </a:endParaRPr>
          </a:p>
          <a:p>
            <a:pPr algn="ctr"/>
            <a:endParaRPr lang="en-US" sz="2400" dirty="0" smtClean="0">
              <a:latin typeface="Calibri" panose="020F0502020204030204" pitchFamily="34" charset="0"/>
            </a:endParaRPr>
          </a:p>
          <a:p>
            <a:pPr algn="ctr"/>
            <a:endParaRPr lang="en-US" sz="2400" dirty="0">
              <a:latin typeface="Calibri" panose="020F0502020204030204" pitchFamily="34" charset="0"/>
            </a:endParaRPr>
          </a:p>
          <a:p>
            <a:pPr algn="ctr"/>
            <a:endParaRPr lang="en-US" sz="2400" dirty="0" smtClean="0">
              <a:latin typeface="Calibri" panose="020F0502020204030204" pitchFamily="34" charset="0"/>
            </a:endParaRPr>
          </a:p>
          <a:p>
            <a:pPr algn="ctr"/>
            <a:endParaRPr lang="en-US" sz="2400" dirty="0">
              <a:latin typeface="Calibri" panose="020F0502020204030204" pitchFamily="34" charset="0"/>
            </a:endParaRPr>
          </a:p>
          <a:p>
            <a:pPr algn="ctr"/>
            <a:endParaRPr lang="en-US" sz="2400" dirty="0" smtClean="0">
              <a:latin typeface="Calibri" panose="020F0502020204030204" pitchFamily="34" charset="0"/>
            </a:endParaRPr>
          </a:p>
        </p:txBody>
      </p:sp>
      <p:pic>
        <p:nvPicPr>
          <p:cNvPr id="11" name="Picture 29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0982" name="Picture 262"/>
          <p:cNvPicPr>
            <a:picLocks noChangeAspect="1"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95721" y="1974215"/>
            <a:ext cx="1485740" cy="19970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210307200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322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27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10" name="Title 1"/>
          <p:cNvSpPr>
            <a:spLocks noGrp="1"/>
          </p:cNvSpPr>
          <p:nvPr>
            <p:ph type="title" idx="4294967295"/>
          </p:nvPr>
        </p:nvSpPr>
        <p:spPr>
          <a:xfrm>
            <a:off x="700336" y="-3810"/>
            <a:ext cx="8672264" cy="387534"/>
          </a:xfrm>
        </p:spPr>
        <p:txBody>
          <a:bodyPr/>
          <a:lstStyle/>
          <a:p>
            <a:pPr>
              <a:defRPr/>
            </a:pPr>
            <a:r>
              <a:rPr lang="en-US" sz="2400" b="1" dirty="0" smtClean="0"/>
              <a:t>Market  Share evolution</a:t>
            </a:r>
            <a:endParaRPr lang="en-US" sz="2400" b="1" dirty="0"/>
          </a:p>
        </p:txBody>
      </p:sp>
      <p:pic>
        <p:nvPicPr>
          <p:cNvPr id="12" name="Picture 29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2314" name="Picture 154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68869" y="1389363"/>
            <a:ext cx="6239240" cy="337314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92315" name="Picture 155"/>
          <p:cNvPicPr>
            <a:picLocks noChangeAspect="1"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68869" y="509924"/>
            <a:ext cx="6239240" cy="84133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9" name="Rounded Rectangle 8"/>
          <p:cNvSpPr/>
          <p:nvPr/>
        </p:nvSpPr>
        <p:spPr>
          <a:xfrm>
            <a:off x="6500816" y="2337532"/>
            <a:ext cx="2181227" cy="634269"/>
          </a:xfrm>
          <a:prstGeom prst="roundRect">
            <a:avLst/>
          </a:prstGeom>
          <a:solidFill>
            <a:schemeClr val="bg1"/>
          </a:solidFill>
          <a:ln w="19050">
            <a:solidFill>
              <a:schemeClr val="accent6">
                <a:lumMod val="40000"/>
                <a:lumOff val="60000"/>
              </a:schemeClr>
            </a:solidFill>
          </a:ln>
          <a:effectLst/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sz="1200" b="1" i="1" dirty="0">
                <a:solidFill>
                  <a:schemeClr val="accent6"/>
                </a:solidFill>
              </a:rPr>
              <a:t>Achieving our </a:t>
            </a:r>
            <a:r>
              <a:rPr lang="en-US" sz="1200" b="1" i="1" dirty="0" smtClean="0">
                <a:solidFill>
                  <a:schemeClr val="accent6"/>
                </a:solidFill>
              </a:rPr>
              <a:t>30% Target Market </a:t>
            </a:r>
            <a:r>
              <a:rPr lang="en-US" sz="1200" b="1" i="1" dirty="0">
                <a:solidFill>
                  <a:schemeClr val="accent6"/>
                </a:solidFill>
              </a:rPr>
              <a:t>Share</a:t>
            </a:r>
          </a:p>
          <a:p>
            <a:pPr algn="ctr"/>
            <a:r>
              <a:rPr lang="en-US" sz="1200" b="1" i="1" dirty="0">
                <a:solidFill>
                  <a:schemeClr val="accent6"/>
                </a:solidFill>
              </a:rPr>
              <a:t>in </a:t>
            </a:r>
            <a:r>
              <a:rPr lang="en-US" sz="1200" b="1" i="1">
                <a:solidFill>
                  <a:schemeClr val="accent6"/>
                </a:solidFill>
              </a:rPr>
              <a:t>Bucharest </a:t>
            </a:r>
            <a:r>
              <a:rPr lang="en-US" sz="1200" b="1" i="1" smtClean="0">
                <a:solidFill>
                  <a:schemeClr val="accent6"/>
                </a:solidFill>
              </a:rPr>
              <a:t>in 2016</a:t>
            </a:r>
            <a:endParaRPr lang="en-US" sz="1200" b="1" i="1" dirty="0">
              <a:solidFill>
                <a:schemeClr val="accent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14338077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3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9" name="Freeform 68"/>
          <p:cNvSpPr/>
          <p:nvPr/>
        </p:nvSpPr>
        <p:spPr>
          <a:xfrm>
            <a:off x="6328561" y="857250"/>
            <a:ext cx="201771" cy="119188"/>
          </a:xfrm>
          <a:custGeom>
            <a:avLst/>
            <a:gdLst>
              <a:gd name="connsiteX0" fmla="*/ 163830 w 213360"/>
              <a:gd name="connsiteY0" fmla="*/ 0 h 152400"/>
              <a:gd name="connsiteX1" fmla="*/ 213360 w 213360"/>
              <a:gd name="connsiteY1" fmla="*/ 137160 h 152400"/>
              <a:gd name="connsiteX2" fmla="*/ 0 w 213360"/>
              <a:gd name="connsiteY2" fmla="*/ 152400 h 152400"/>
              <a:gd name="connsiteX3" fmla="*/ 163830 w 213360"/>
              <a:gd name="connsiteY3" fmla="*/ 0 h 152400"/>
              <a:gd name="connsiteX0" fmla="*/ 163830 w 222885"/>
              <a:gd name="connsiteY0" fmla="*/ 0 h 160020"/>
              <a:gd name="connsiteX1" fmla="*/ 222885 w 222885"/>
              <a:gd name="connsiteY1" fmla="*/ 160020 h 160020"/>
              <a:gd name="connsiteX2" fmla="*/ 0 w 222885"/>
              <a:gd name="connsiteY2" fmla="*/ 152400 h 160020"/>
              <a:gd name="connsiteX3" fmla="*/ 163830 w 222885"/>
              <a:gd name="connsiteY3" fmla="*/ 0 h 160020"/>
              <a:gd name="connsiteX0" fmla="*/ 171450 w 230505"/>
              <a:gd name="connsiteY0" fmla="*/ 0 h 163830"/>
              <a:gd name="connsiteX1" fmla="*/ 230505 w 230505"/>
              <a:gd name="connsiteY1" fmla="*/ 160020 h 163830"/>
              <a:gd name="connsiteX2" fmla="*/ 0 w 230505"/>
              <a:gd name="connsiteY2" fmla="*/ 163830 h 163830"/>
              <a:gd name="connsiteX3" fmla="*/ 171450 w 230505"/>
              <a:gd name="connsiteY3" fmla="*/ 0 h 163830"/>
              <a:gd name="connsiteX0" fmla="*/ 156210 w 215265"/>
              <a:gd name="connsiteY0" fmla="*/ 0 h 167640"/>
              <a:gd name="connsiteX1" fmla="*/ 215265 w 215265"/>
              <a:gd name="connsiteY1" fmla="*/ 160020 h 167640"/>
              <a:gd name="connsiteX2" fmla="*/ 0 w 215265"/>
              <a:gd name="connsiteY2" fmla="*/ 167640 h 167640"/>
              <a:gd name="connsiteX3" fmla="*/ 156210 w 215265"/>
              <a:gd name="connsiteY3" fmla="*/ 0 h 167640"/>
              <a:gd name="connsiteX0" fmla="*/ 169545 w 215265"/>
              <a:gd name="connsiteY0" fmla="*/ 0 h 131445"/>
              <a:gd name="connsiteX1" fmla="*/ 215265 w 215265"/>
              <a:gd name="connsiteY1" fmla="*/ 123825 h 131445"/>
              <a:gd name="connsiteX2" fmla="*/ 0 w 215265"/>
              <a:gd name="connsiteY2" fmla="*/ 131445 h 131445"/>
              <a:gd name="connsiteX3" fmla="*/ 169545 w 215265"/>
              <a:gd name="connsiteY3" fmla="*/ 0 h 131445"/>
              <a:gd name="connsiteX0" fmla="*/ 154305 w 215265"/>
              <a:gd name="connsiteY0" fmla="*/ 0 h 169545"/>
              <a:gd name="connsiteX1" fmla="*/ 215265 w 215265"/>
              <a:gd name="connsiteY1" fmla="*/ 161925 h 169545"/>
              <a:gd name="connsiteX2" fmla="*/ 0 w 215265"/>
              <a:gd name="connsiteY2" fmla="*/ 169545 h 169545"/>
              <a:gd name="connsiteX3" fmla="*/ 154305 w 215265"/>
              <a:gd name="connsiteY3" fmla="*/ 0 h 1695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215265" h="169545">
                <a:moveTo>
                  <a:pt x="154305" y="0"/>
                </a:moveTo>
                <a:lnTo>
                  <a:pt x="215265" y="161925"/>
                </a:lnTo>
                <a:lnTo>
                  <a:pt x="0" y="169545"/>
                </a:lnTo>
                <a:lnTo>
                  <a:pt x="154305" y="0"/>
                </a:lnTo>
                <a:close/>
              </a:path>
            </a:pathLst>
          </a:custGeom>
          <a:gradFill flip="none" rotWithShape="1">
            <a:gsLst>
              <a:gs pos="0">
                <a:srgbClr val="6BC2ED"/>
              </a:gs>
              <a:gs pos="100000">
                <a:srgbClr val="000000"/>
              </a:gs>
            </a:gsLst>
            <a:lin ang="10800000" scaled="1"/>
            <a:tileRect/>
          </a:gradFill>
          <a:ln w="1905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70" name="Freeform 69"/>
          <p:cNvSpPr/>
          <p:nvPr/>
        </p:nvSpPr>
        <p:spPr>
          <a:xfrm>
            <a:off x="4955447" y="858589"/>
            <a:ext cx="307120" cy="192843"/>
          </a:xfrm>
          <a:custGeom>
            <a:avLst/>
            <a:gdLst>
              <a:gd name="connsiteX0" fmla="*/ 102870 w 327660"/>
              <a:gd name="connsiteY0" fmla="*/ 0 h 270510"/>
              <a:gd name="connsiteX1" fmla="*/ 0 w 327660"/>
              <a:gd name="connsiteY1" fmla="*/ 270510 h 270510"/>
              <a:gd name="connsiteX2" fmla="*/ 327660 w 327660"/>
              <a:gd name="connsiteY2" fmla="*/ 240030 h 270510"/>
              <a:gd name="connsiteX3" fmla="*/ 102870 w 327660"/>
              <a:gd name="connsiteY3" fmla="*/ 0 h 270510"/>
              <a:gd name="connsiteX0" fmla="*/ 106680 w 327660"/>
              <a:gd name="connsiteY0" fmla="*/ 0 h 274320"/>
              <a:gd name="connsiteX1" fmla="*/ 0 w 327660"/>
              <a:gd name="connsiteY1" fmla="*/ 274320 h 274320"/>
              <a:gd name="connsiteX2" fmla="*/ 327660 w 327660"/>
              <a:gd name="connsiteY2" fmla="*/ 243840 h 274320"/>
              <a:gd name="connsiteX3" fmla="*/ 106680 w 327660"/>
              <a:gd name="connsiteY3" fmla="*/ 0 h 274320"/>
              <a:gd name="connsiteX0" fmla="*/ 106680 w 327660"/>
              <a:gd name="connsiteY0" fmla="*/ 0 h 274320"/>
              <a:gd name="connsiteX1" fmla="*/ 0 w 327660"/>
              <a:gd name="connsiteY1" fmla="*/ 274320 h 274320"/>
              <a:gd name="connsiteX2" fmla="*/ 327660 w 327660"/>
              <a:gd name="connsiteY2" fmla="*/ 243840 h 274320"/>
              <a:gd name="connsiteX3" fmla="*/ 173355 w 327660"/>
              <a:gd name="connsiteY3" fmla="*/ 0 h 274320"/>
              <a:gd name="connsiteX4" fmla="*/ 106680 w 327660"/>
              <a:gd name="connsiteY4" fmla="*/ 0 h 2743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7660" h="274320">
                <a:moveTo>
                  <a:pt x="106680" y="0"/>
                </a:moveTo>
                <a:lnTo>
                  <a:pt x="0" y="274320"/>
                </a:lnTo>
                <a:lnTo>
                  <a:pt x="327660" y="243840"/>
                </a:lnTo>
                <a:cubicBezTo>
                  <a:pt x="268605" y="179070"/>
                  <a:pt x="232410" y="64770"/>
                  <a:pt x="173355" y="0"/>
                </a:cubicBezTo>
                <a:lnTo>
                  <a:pt x="106680" y="0"/>
                </a:lnTo>
                <a:close/>
              </a:path>
            </a:pathLst>
          </a:custGeom>
          <a:gradFill flip="none" rotWithShape="1">
            <a:gsLst>
              <a:gs pos="0">
                <a:srgbClr val="6BC2ED"/>
              </a:gs>
              <a:gs pos="100000">
                <a:srgbClr val="000000"/>
              </a:gs>
            </a:gsLst>
            <a:lin ang="0" scaled="1"/>
            <a:tileRect/>
          </a:gradFill>
          <a:ln w="1905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71" name="Freeform 70"/>
          <p:cNvSpPr/>
          <p:nvPr/>
        </p:nvSpPr>
        <p:spPr>
          <a:xfrm>
            <a:off x="4734036" y="931080"/>
            <a:ext cx="2071275" cy="3450896"/>
          </a:xfrm>
          <a:custGeom>
            <a:avLst/>
            <a:gdLst>
              <a:gd name="connsiteX0" fmla="*/ 0 w 2209800"/>
              <a:gd name="connsiteY0" fmla="*/ 144780 h 3931920"/>
              <a:gd name="connsiteX1" fmla="*/ 76200 w 2209800"/>
              <a:gd name="connsiteY1" fmla="*/ 3840480 h 3931920"/>
              <a:gd name="connsiteX2" fmla="*/ 2209800 w 2209800"/>
              <a:gd name="connsiteY2" fmla="*/ 3931920 h 3931920"/>
              <a:gd name="connsiteX3" fmla="*/ 2141220 w 2209800"/>
              <a:gd name="connsiteY3" fmla="*/ 0 h 3931920"/>
              <a:gd name="connsiteX4" fmla="*/ 0 w 2209800"/>
              <a:gd name="connsiteY4" fmla="*/ 144780 h 39319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209800" h="3931920">
                <a:moveTo>
                  <a:pt x="0" y="144780"/>
                </a:moveTo>
                <a:lnTo>
                  <a:pt x="76200" y="3840480"/>
                </a:lnTo>
                <a:lnTo>
                  <a:pt x="2209800" y="3931920"/>
                </a:lnTo>
                <a:lnTo>
                  <a:pt x="2141220" y="0"/>
                </a:lnTo>
                <a:lnTo>
                  <a:pt x="0" y="144780"/>
                </a:lnTo>
                <a:close/>
              </a:path>
            </a:pathLst>
          </a:custGeom>
          <a:noFill/>
          <a:ln w="12700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73" name="Freeform 72"/>
          <p:cNvSpPr/>
          <p:nvPr/>
        </p:nvSpPr>
        <p:spPr>
          <a:xfrm>
            <a:off x="5080438" y="866626"/>
            <a:ext cx="1364184" cy="629417"/>
          </a:xfrm>
          <a:custGeom>
            <a:avLst/>
            <a:gdLst>
              <a:gd name="connsiteX0" fmla="*/ 0 w 1455420"/>
              <a:gd name="connsiteY0" fmla="*/ 0 h 895350"/>
              <a:gd name="connsiteX1" fmla="*/ 1455420 w 1455420"/>
              <a:gd name="connsiteY1" fmla="*/ 0 h 895350"/>
              <a:gd name="connsiteX2" fmla="*/ 720090 w 1455420"/>
              <a:gd name="connsiteY2" fmla="*/ 895350 h 895350"/>
              <a:gd name="connsiteX3" fmla="*/ 0 w 1455420"/>
              <a:gd name="connsiteY3" fmla="*/ 0 h 8953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455420" h="895350">
                <a:moveTo>
                  <a:pt x="0" y="0"/>
                </a:moveTo>
                <a:lnTo>
                  <a:pt x="1455420" y="0"/>
                </a:lnTo>
                <a:lnTo>
                  <a:pt x="720090" y="89535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64000">
                <a:srgbClr val="6BC2ED"/>
              </a:gs>
              <a:gs pos="100000">
                <a:srgbClr val="6BC2ED">
                  <a:lumMod val="75000"/>
                </a:srgbClr>
              </a:gs>
              <a:gs pos="0">
                <a:srgbClr val="6BC2ED">
                  <a:lumMod val="50000"/>
                </a:srgbClr>
              </a:gs>
            </a:gsLst>
            <a:lin ang="5400000" scaled="1"/>
            <a:tileRect/>
          </a:gradFill>
          <a:ln w="28575" cap="sq" cmpd="sng" algn="ctr">
            <a:gradFill flip="none" rotWithShape="1">
              <a:gsLst>
                <a:gs pos="0">
                  <a:srgbClr val="6BC2ED">
                    <a:lumMod val="50000"/>
                  </a:srgbClr>
                </a:gs>
                <a:gs pos="61000">
                  <a:srgbClr val="6BC2ED"/>
                </a:gs>
                <a:gs pos="100000">
                  <a:srgbClr val="6BC2ED">
                    <a:lumMod val="50000"/>
                  </a:srgbClr>
                </a:gs>
              </a:gsLst>
              <a:lin ang="5400000" scaled="1"/>
              <a:tileRect/>
            </a:gradFill>
            <a:prstDash val="solid"/>
            <a:miter lim="800000"/>
          </a:ln>
          <a:effectLst>
            <a:outerShdw blurRad="101600" dist="63500" dir="5400000" algn="t" rotWithShape="0">
              <a:prstClr val="black">
                <a:alpha val="40000"/>
              </a:prstClr>
            </a:outerShdw>
          </a:effectLst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74" name="Oval 73"/>
          <p:cNvSpPr/>
          <p:nvPr/>
        </p:nvSpPr>
        <p:spPr>
          <a:xfrm>
            <a:off x="5291140" y="879940"/>
            <a:ext cx="942787" cy="51425"/>
          </a:xfrm>
          <a:prstGeom prst="ellipse">
            <a:avLst/>
          </a:prstGeom>
          <a:gradFill>
            <a:gsLst>
              <a:gs pos="100000">
                <a:srgbClr val="FFFFFF">
                  <a:alpha val="0"/>
                </a:srgbClr>
              </a:gs>
              <a:gs pos="0">
                <a:srgbClr val="FFFFFF">
                  <a:alpha val="70000"/>
                </a:srgbClr>
              </a:gs>
            </a:gsLst>
            <a:path path="shape">
              <a:fillToRect l="50000" t="50000" r="50000" b="50000"/>
            </a:path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75" name="Oval 74"/>
          <p:cNvSpPr/>
          <p:nvPr/>
        </p:nvSpPr>
        <p:spPr>
          <a:xfrm>
            <a:off x="5533980" y="1200618"/>
            <a:ext cx="457109" cy="32140"/>
          </a:xfrm>
          <a:prstGeom prst="ellipse">
            <a:avLst/>
          </a:prstGeom>
          <a:gradFill>
            <a:gsLst>
              <a:gs pos="100000">
                <a:srgbClr val="FFFFFF">
                  <a:alpha val="0"/>
                </a:srgbClr>
              </a:gs>
              <a:gs pos="0">
                <a:srgbClr val="FFFFFF">
                  <a:alpha val="70000"/>
                </a:srgbClr>
              </a:gs>
            </a:gsLst>
            <a:path path="shape">
              <a:fillToRect l="50000" t="50000" r="50000" b="50000"/>
            </a:path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76" name="TextBox 75"/>
          <p:cNvSpPr txBox="1"/>
          <p:nvPr/>
        </p:nvSpPr>
        <p:spPr>
          <a:xfrm>
            <a:off x="5452051" y="893245"/>
            <a:ext cx="649537" cy="338554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 defTabSz="1218987"/>
            <a:r>
              <a:rPr lang="en-US" sz="1600" b="1">
                <a:solidFill>
                  <a:prstClr val="white"/>
                </a:solidFill>
                <a:effectLst>
                  <a:outerShdw blurRad="63500" dist="38100" dir="5400000" sx="101000" sy="101000" algn="t" rotWithShape="0">
                    <a:prstClr val="black">
                      <a:alpha val="30000"/>
                    </a:prstClr>
                  </a:outerShdw>
                </a:effectLst>
                <a:latin typeface="Calibri"/>
              </a:rPr>
              <a:t>Small</a:t>
            </a:r>
            <a:endParaRPr lang="en-US" sz="1600" b="1" dirty="0">
              <a:solidFill>
                <a:prstClr val="white"/>
              </a:solidFill>
              <a:effectLst>
                <a:outerShdw blurRad="63500" dist="38100" dir="5400000" sx="101000" sy="101000" algn="t" rotWithShape="0">
                  <a:prstClr val="black">
                    <a:alpha val="30000"/>
                  </a:prstClr>
                </a:outerShdw>
              </a:effectLst>
              <a:latin typeface="Calibri"/>
            </a:endParaRPr>
          </a:p>
        </p:txBody>
      </p:sp>
      <p:sp>
        <p:nvSpPr>
          <p:cNvPr id="77" name="Freeform 76"/>
          <p:cNvSpPr/>
          <p:nvPr/>
        </p:nvSpPr>
        <p:spPr>
          <a:xfrm>
            <a:off x="5668450" y="1299380"/>
            <a:ext cx="171416" cy="84617"/>
          </a:xfrm>
          <a:custGeom>
            <a:avLst/>
            <a:gdLst>
              <a:gd name="connsiteX0" fmla="*/ 0 w 1455420"/>
              <a:gd name="connsiteY0" fmla="*/ 0 h 895350"/>
              <a:gd name="connsiteX1" fmla="*/ 1455420 w 1455420"/>
              <a:gd name="connsiteY1" fmla="*/ 0 h 895350"/>
              <a:gd name="connsiteX2" fmla="*/ 720090 w 1455420"/>
              <a:gd name="connsiteY2" fmla="*/ 895350 h 895350"/>
              <a:gd name="connsiteX3" fmla="*/ 0 w 1455420"/>
              <a:gd name="connsiteY3" fmla="*/ 0 h 8953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455420" h="895350">
                <a:moveTo>
                  <a:pt x="0" y="0"/>
                </a:moveTo>
                <a:lnTo>
                  <a:pt x="1455420" y="0"/>
                </a:lnTo>
                <a:lnTo>
                  <a:pt x="720090" y="89535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60000"/>
            </a:srgbClr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78" name="Oval 77"/>
          <p:cNvSpPr/>
          <p:nvPr/>
        </p:nvSpPr>
        <p:spPr>
          <a:xfrm>
            <a:off x="4560039" y="4553425"/>
            <a:ext cx="2362661" cy="177200"/>
          </a:xfrm>
          <a:prstGeom prst="ellipse">
            <a:avLst/>
          </a:prstGeom>
          <a:gradFill flip="none" rotWithShape="1">
            <a:gsLst>
              <a:gs pos="0">
                <a:sysClr val="windowText" lastClr="000000">
                  <a:lumMod val="50000"/>
                  <a:lumOff val="50000"/>
                  <a:alpha val="94000"/>
                </a:sysClr>
              </a:gs>
              <a:gs pos="100000">
                <a:sysClr val="window" lastClr="FFFFFF">
                  <a:alpha val="0"/>
                  <a:lumMod val="100000"/>
                </a:sysClr>
              </a:gs>
            </a:gsLst>
            <a:path path="shape">
              <a:fillToRect l="50000" t="50000" r="50000" b="50000"/>
            </a:path>
            <a:tileRect/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>
              <a:defRPr/>
            </a:pPr>
            <a:endParaRPr lang="en-US" sz="2400" kern="0">
              <a:solidFill>
                <a:sysClr val="window" lastClr="FFFFFF"/>
              </a:solidFill>
              <a:latin typeface="Calibri"/>
            </a:endParaRPr>
          </a:p>
        </p:txBody>
      </p:sp>
      <p:sp>
        <p:nvSpPr>
          <p:cNvPr id="105" name="Rectangle 104"/>
          <p:cNvSpPr/>
          <p:nvPr/>
        </p:nvSpPr>
        <p:spPr>
          <a:xfrm rot="20288491">
            <a:off x="4474408" y="1342476"/>
            <a:ext cx="1343995" cy="369097"/>
          </a:xfrm>
          <a:prstGeom prst="rect">
            <a:avLst/>
          </a:prstGeom>
          <a:noFill/>
          <a:ln w="12700" cap="flat" cmpd="sng" algn="ctr">
            <a:noFill/>
            <a:prstDash val="solid"/>
          </a:ln>
          <a:effectLst/>
        </p:spPr>
        <p:txBody>
          <a:bodyPr lIns="91440" tIns="0" rIns="91440" bIns="0" rtlCol="0" anchor="ctr"/>
          <a:lstStyle/>
          <a:p>
            <a:pPr algn="ctr" defTabSz="1218987">
              <a:defRPr/>
            </a:pPr>
            <a:r>
              <a:rPr lang="en-US" sz="1400" b="1" kern="0" smtClean="0">
                <a:cs typeface="Arial" pitchFamily="34" charset="0"/>
              </a:rPr>
              <a:t>60 </a:t>
            </a:r>
            <a:r>
              <a:rPr lang="en-US" sz="1400" b="1" kern="0" dirty="0">
                <a:cs typeface="Arial" pitchFamily="34" charset="0"/>
              </a:rPr>
              <a:t>Stores</a:t>
            </a:r>
          </a:p>
        </p:txBody>
      </p:sp>
      <p:sp>
        <p:nvSpPr>
          <p:cNvPr id="115" name="TextBox 114"/>
          <p:cNvSpPr txBox="1"/>
          <p:nvPr/>
        </p:nvSpPr>
        <p:spPr>
          <a:xfrm>
            <a:off x="5833401" y="1428750"/>
            <a:ext cx="959905" cy="400110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defTabSz="913945"/>
            <a:r>
              <a:rPr lang="en-US" sz="1000" i="1" dirty="0">
                <a:solidFill>
                  <a:srgbClr val="414141"/>
                </a:solidFill>
              </a:rPr>
              <a:t>Urban Center</a:t>
            </a:r>
          </a:p>
          <a:p>
            <a:pPr defTabSz="913945"/>
            <a:r>
              <a:rPr lang="en-US" sz="1000" i="1" dirty="0">
                <a:solidFill>
                  <a:srgbClr val="414141"/>
                </a:solidFill>
              </a:rPr>
              <a:t>   +100 .000</a:t>
            </a:r>
          </a:p>
        </p:txBody>
      </p:sp>
      <p:sp>
        <p:nvSpPr>
          <p:cNvPr id="117" name="Rounded Rectangle 116"/>
          <p:cNvSpPr/>
          <p:nvPr/>
        </p:nvSpPr>
        <p:spPr>
          <a:xfrm>
            <a:off x="4812106" y="3886200"/>
            <a:ext cx="1999853" cy="438786"/>
          </a:xfrm>
          <a:prstGeom prst="roundRect">
            <a:avLst/>
          </a:prstGeom>
          <a:noFill/>
          <a:ln>
            <a:noFill/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3945"/>
            <a:r>
              <a:rPr lang="en-US" sz="1400" b="1" i="1" dirty="0">
                <a:solidFill>
                  <a:schemeClr val="tx1"/>
                </a:solidFill>
              </a:rPr>
              <a:t>Proximity and Assortment</a:t>
            </a:r>
          </a:p>
        </p:txBody>
      </p:sp>
      <p:sp>
        <p:nvSpPr>
          <p:cNvPr id="118" name="Rectangle 117"/>
          <p:cNvSpPr/>
          <p:nvPr/>
        </p:nvSpPr>
        <p:spPr>
          <a:xfrm>
            <a:off x="4765389" y="1843128"/>
            <a:ext cx="2104117" cy="841654"/>
          </a:xfrm>
          <a:prstGeom prst="rect">
            <a:avLst/>
          </a:prstGeom>
          <a:noFill/>
          <a:ln w="12700" cap="flat" cmpd="sng" algn="ctr">
            <a:noFill/>
            <a:prstDash val="solid"/>
          </a:ln>
          <a:effectLst/>
        </p:spPr>
        <p:txBody>
          <a:bodyPr lIns="91440" tIns="0" rIns="91440" bIns="0" rtlCol="0" anchor="t"/>
          <a:lstStyle/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Sqm:                          500</a:t>
            </a: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vg. Sales/Day: 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10 KEUR</a:t>
            </a:r>
            <a:endParaRPr lang="en-US" sz="900" kern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Clients/Day:       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1,700</a:t>
            </a: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Basket:             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  6 EUR</a:t>
            </a:r>
            <a:endParaRPr lang="en-US" sz="900" kern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ssortment:               7,800 SKU’s</a:t>
            </a: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ssociates:                35</a:t>
            </a: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Capex:                       &gt;600 KEUR</a:t>
            </a: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Price index KF:          97</a:t>
            </a:r>
          </a:p>
        </p:txBody>
      </p:sp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1725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28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91" name="Freeform 90"/>
          <p:cNvSpPr/>
          <p:nvPr/>
        </p:nvSpPr>
        <p:spPr>
          <a:xfrm>
            <a:off x="1848094" y="857250"/>
            <a:ext cx="201771" cy="119188"/>
          </a:xfrm>
          <a:custGeom>
            <a:avLst/>
            <a:gdLst>
              <a:gd name="connsiteX0" fmla="*/ 163830 w 213360"/>
              <a:gd name="connsiteY0" fmla="*/ 0 h 152400"/>
              <a:gd name="connsiteX1" fmla="*/ 213360 w 213360"/>
              <a:gd name="connsiteY1" fmla="*/ 137160 h 152400"/>
              <a:gd name="connsiteX2" fmla="*/ 0 w 213360"/>
              <a:gd name="connsiteY2" fmla="*/ 152400 h 152400"/>
              <a:gd name="connsiteX3" fmla="*/ 163830 w 213360"/>
              <a:gd name="connsiteY3" fmla="*/ 0 h 152400"/>
              <a:gd name="connsiteX0" fmla="*/ 163830 w 222885"/>
              <a:gd name="connsiteY0" fmla="*/ 0 h 160020"/>
              <a:gd name="connsiteX1" fmla="*/ 222885 w 222885"/>
              <a:gd name="connsiteY1" fmla="*/ 160020 h 160020"/>
              <a:gd name="connsiteX2" fmla="*/ 0 w 222885"/>
              <a:gd name="connsiteY2" fmla="*/ 152400 h 160020"/>
              <a:gd name="connsiteX3" fmla="*/ 163830 w 222885"/>
              <a:gd name="connsiteY3" fmla="*/ 0 h 160020"/>
              <a:gd name="connsiteX0" fmla="*/ 171450 w 230505"/>
              <a:gd name="connsiteY0" fmla="*/ 0 h 163830"/>
              <a:gd name="connsiteX1" fmla="*/ 230505 w 230505"/>
              <a:gd name="connsiteY1" fmla="*/ 160020 h 163830"/>
              <a:gd name="connsiteX2" fmla="*/ 0 w 230505"/>
              <a:gd name="connsiteY2" fmla="*/ 163830 h 163830"/>
              <a:gd name="connsiteX3" fmla="*/ 171450 w 230505"/>
              <a:gd name="connsiteY3" fmla="*/ 0 h 163830"/>
              <a:gd name="connsiteX0" fmla="*/ 156210 w 215265"/>
              <a:gd name="connsiteY0" fmla="*/ 0 h 167640"/>
              <a:gd name="connsiteX1" fmla="*/ 215265 w 215265"/>
              <a:gd name="connsiteY1" fmla="*/ 160020 h 167640"/>
              <a:gd name="connsiteX2" fmla="*/ 0 w 215265"/>
              <a:gd name="connsiteY2" fmla="*/ 167640 h 167640"/>
              <a:gd name="connsiteX3" fmla="*/ 156210 w 215265"/>
              <a:gd name="connsiteY3" fmla="*/ 0 h 167640"/>
              <a:gd name="connsiteX0" fmla="*/ 169545 w 215265"/>
              <a:gd name="connsiteY0" fmla="*/ 0 h 131445"/>
              <a:gd name="connsiteX1" fmla="*/ 215265 w 215265"/>
              <a:gd name="connsiteY1" fmla="*/ 123825 h 131445"/>
              <a:gd name="connsiteX2" fmla="*/ 0 w 215265"/>
              <a:gd name="connsiteY2" fmla="*/ 131445 h 131445"/>
              <a:gd name="connsiteX3" fmla="*/ 169545 w 215265"/>
              <a:gd name="connsiteY3" fmla="*/ 0 h 131445"/>
              <a:gd name="connsiteX0" fmla="*/ 154305 w 215265"/>
              <a:gd name="connsiteY0" fmla="*/ 0 h 169545"/>
              <a:gd name="connsiteX1" fmla="*/ 215265 w 215265"/>
              <a:gd name="connsiteY1" fmla="*/ 161925 h 169545"/>
              <a:gd name="connsiteX2" fmla="*/ 0 w 215265"/>
              <a:gd name="connsiteY2" fmla="*/ 169545 h 169545"/>
              <a:gd name="connsiteX3" fmla="*/ 154305 w 215265"/>
              <a:gd name="connsiteY3" fmla="*/ 0 h 1695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215265" h="169545">
                <a:moveTo>
                  <a:pt x="154305" y="0"/>
                </a:moveTo>
                <a:lnTo>
                  <a:pt x="215265" y="161925"/>
                </a:lnTo>
                <a:lnTo>
                  <a:pt x="0" y="169545"/>
                </a:lnTo>
                <a:lnTo>
                  <a:pt x="154305" y="0"/>
                </a:lnTo>
                <a:close/>
              </a:path>
            </a:pathLst>
          </a:custGeom>
          <a:gradFill>
            <a:gsLst>
              <a:gs pos="100000">
                <a:srgbClr val="0779B7"/>
              </a:gs>
              <a:gs pos="0">
                <a:srgbClr val="000000"/>
              </a:gs>
            </a:gsLst>
            <a:lin ang="0" scaled="1"/>
          </a:gradFill>
          <a:ln w="1905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92" name="Freeform 91"/>
          <p:cNvSpPr/>
          <p:nvPr/>
        </p:nvSpPr>
        <p:spPr>
          <a:xfrm>
            <a:off x="474978" y="858589"/>
            <a:ext cx="307120" cy="192843"/>
          </a:xfrm>
          <a:custGeom>
            <a:avLst/>
            <a:gdLst>
              <a:gd name="connsiteX0" fmla="*/ 102870 w 327660"/>
              <a:gd name="connsiteY0" fmla="*/ 0 h 270510"/>
              <a:gd name="connsiteX1" fmla="*/ 0 w 327660"/>
              <a:gd name="connsiteY1" fmla="*/ 270510 h 270510"/>
              <a:gd name="connsiteX2" fmla="*/ 327660 w 327660"/>
              <a:gd name="connsiteY2" fmla="*/ 240030 h 270510"/>
              <a:gd name="connsiteX3" fmla="*/ 102870 w 327660"/>
              <a:gd name="connsiteY3" fmla="*/ 0 h 270510"/>
              <a:gd name="connsiteX0" fmla="*/ 106680 w 327660"/>
              <a:gd name="connsiteY0" fmla="*/ 0 h 274320"/>
              <a:gd name="connsiteX1" fmla="*/ 0 w 327660"/>
              <a:gd name="connsiteY1" fmla="*/ 274320 h 274320"/>
              <a:gd name="connsiteX2" fmla="*/ 327660 w 327660"/>
              <a:gd name="connsiteY2" fmla="*/ 243840 h 274320"/>
              <a:gd name="connsiteX3" fmla="*/ 106680 w 327660"/>
              <a:gd name="connsiteY3" fmla="*/ 0 h 274320"/>
              <a:gd name="connsiteX0" fmla="*/ 106680 w 327660"/>
              <a:gd name="connsiteY0" fmla="*/ 0 h 274320"/>
              <a:gd name="connsiteX1" fmla="*/ 0 w 327660"/>
              <a:gd name="connsiteY1" fmla="*/ 274320 h 274320"/>
              <a:gd name="connsiteX2" fmla="*/ 327660 w 327660"/>
              <a:gd name="connsiteY2" fmla="*/ 243840 h 274320"/>
              <a:gd name="connsiteX3" fmla="*/ 173355 w 327660"/>
              <a:gd name="connsiteY3" fmla="*/ 0 h 274320"/>
              <a:gd name="connsiteX4" fmla="*/ 106680 w 327660"/>
              <a:gd name="connsiteY4" fmla="*/ 0 h 2743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7660" h="274320">
                <a:moveTo>
                  <a:pt x="106680" y="0"/>
                </a:moveTo>
                <a:lnTo>
                  <a:pt x="0" y="274320"/>
                </a:lnTo>
                <a:lnTo>
                  <a:pt x="327660" y="243840"/>
                </a:lnTo>
                <a:cubicBezTo>
                  <a:pt x="268605" y="179070"/>
                  <a:pt x="232410" y="64770"/>
                  <a:pt x="173355" y="0"/>
                </a:cubicBezTo>
                <a:lnTo>
                  <a:pt x="106680" y="0"/>
                </a:lnTo>
                <a:close/>
              </a:path>
            </a:pathLst>
          </a:custGeom>
          <a:gradFill flip="none" rotWithShape="1">
            <a:gsLst>
              <a:gs pos="0">
                <a:srgbClr val="0779B7"/>
              </a:gs>
              <a:gs pos="100000">
                <a:srgbClr val="000000"/>
              </a:gs>
            </a:gsLst>
            <a:lin ang="0" scaled="1"/>
            <a:tileRect/>
          </a:gradFill>
          <a:ln w="1905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93" name="Freeform 92"/>
          <p:cNvSpPr/>
          <p:nvPr/>
        </p:nvSpPr>
        <p:spPr>
          <a:xfrm>
            <a:off x="253570" y="931080"/>
            <a:ext cx="2071275" cy="3450896"/>
          </a:xfrm>
          <a:custGeom>
            <a:avLst/>
            <a:gdLst>
              <a:gd name="connsiteX0" fmla="*/ 0 w 2209800"/>
              <a:gd name="connsiteY0" fmla="*/ 144780 h 3931920"/>
              <a:gd name="connsiteX1" fmla="*/ 76200 w 2209800"/>
              <a:gd name="connsiteY1" fmla="*/ 3840480 h 3931920"/>
              <a:gd name="connsiteX2" fmla="*/ 2209800 w 2209800"/>
              <a:gd name="connsiteY2" fmla="*/ 3931920 h 3931920"/>
              <a:gd name="connsiteX3" fmla="*/ 2141220 w 2209800"/>
              <a:gd name="connsiteY3" fmla="*/ 0 h 3931920"/>
              <a:gd name="connsiteX4" fmla="*/ 0 w 2209800"/>
              <a:gd name="connsiteY4" fmla="*/ 144780 h 39319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209800" h="3931920">
                <a:moveTo>
                  <a:pt x="0" y="144780"/>
                </a:moveTo>
                <a:lnTo>
                  <a:pt x="76200" y="3840480"/>
                </a:lnTo>
                <a:lnTo>
                  <a:pt x="2209800" y="3931920"/>
                </a:lnTo>
                <a:lnTo>
                  <a:pt x="2141220" y="0"/>
                </a:lnTo>
                <a:lnTo>
                  <a:pt x="0" y="144780"/>
                </a:lnTo>
                <a:close/>
              </a:path>
            </a:pathLst>
          </a:custGeom>
          <a:noFill/>
          <a:ln w="12700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95" name="Freeform 94"/>
          <p:cNvSpPr/>
          <p:nvPr/>
        </p:nvSpPr>
        <p:spPr>
          <a:xfrm>
            <a:off x="599969" y="866626"/>
            <a:ext cx="1364184" cy="629417"/>
          </a:xfrm>
          <a:custGeom>
            <a:avLst/>
            <a:gdLst>
              <a:gd name="connsiteX0" fmla="*/ 0 w 1455420"/>
              <a:gd name="connsiteY0" fmla="*/ 0 h 895350"/>
              <a:gd name="connsiteX1" fmla="*/ 1455420 w 1455420"/>
              <a:gd name="connsiteY1" fmla="*/ 0 h 895350"/>
              <a:gd name="connsiteX2" fmla="*/ 720090 w 1455420"/>
              <a:gd name="connsiteY2" fmla="*/ 895350 h 895350"/>
              <a:gd name="connsiteX3" fmla="*/ 0 w 1455420"/>
              <a:gd name="connsiteY3" fmla="*/ 0 h 8953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455420" h="895350">
                <a:moveTo>
                  <a:pt x="0" y="0"/>
                </a:moveTo>
                <a:lnTo>
                  <a:pt x="1455420" y="0"/>
                </a:lnTo>
                <a:lnTo>
                  <a:pt x="720090" y="89535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55000">
                <a:srgbClr val="0779B7"/>
              </a:gs>
              <a:gs pos="100000">
                <a:srgbClr val="0779B7">
                  <a:lumMod val="50000"/>
                </a:srgbClr>
              </a:gs>
              <a:gs pos="0">
                <a:srgbClr val="0779B7">
                  <a:lumMod val="50000"/>
                </a:srgbClr>
              </a:gs>
            </a:gsLst>
            <a:lin ang="5400000" scaled="1"/>
            <a:tileRect/>
          </a:gradFill>
          <a:ln w="28575" cap="sq" cmpd="sng" algn="ctr">
            <a:gradFill flip="none" rotWithShape="1">
              <a:gsLst>
                <a:gs pos="0">
                  <a:srgbClr val="0779B7">
                    <a:lumMod val="50000"/>
                  </a:srgbClr>
                </a:gs>
                <a:gs pos="50000">
                  <a:srgbClr val="0779B7"/>
                </a:gs>
                <a:gs pos="95000">
                  <a:srgbClr val="0779B7">
                    <a:lumMod val="50000"/>
                  </a:srgbClr>
                </a:gs>
              </a:gsLst>
              <a:lin ang="5400000" scaled="1"/>
              <a:tileRect/>
            </a:gradFill>
            <a:prstDash val="solid"/>
            <a:miter lim="800000"/>
          </a:ln>
          <a:effectLst>
            <a:outerShdw blurRad="101600" dist="63500" dir="5400000" algn="t" rotWithShape="0">
              <a:prstClr val="black">
                <a:alpha val="40000"/>
              </a:prstClr>
            </a:outerShdw>
          </a:effectLst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96" name="Oval 95"/>
          <p:cNvSpPr/>
          <p:nvPr/>
        </p:nvSpPr>
        <p:spPr>
          <a:xfrm>
            <a:off x="810671" y="879940"/>
            <a:ext cx="942787" cy="51425"/>
          </a:xfrm>
          <a:prstGeom prst="ellipse">
            <a:avLst/>
          </a:prstGeom>
          <a:gradFill>
            <a:gsLst>
              <a:gs pos="100000">
                <a:srgbClr val="FFFFFF">
                  <a:alpha val="0"/>
                </a:srgbClr>
              </a:gs>
              <a:gs pos="0">
                <a:srgbClr val="FFFFFF">
                  <a:alpha val="70000"/>
                </a:srgbClr>
              </a:gs>
            </a:gsLst>
            <a:path path="shape">
              <a:fillToRect l="50000" t="50000" r="50000" b="50000"/>
            </a:path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97" name="Oval 96"/>
          <p:cNvSpPr/>
          <p:nvPr/>
        </p:nvSpPr>
        <p:spPr>
          <a:xfrm>
            <a:off x="1053511" y="1200618"/>
            <a:ext cx="457109" cy="32140"/>
          </a:xfrm>
          <a:prstGeom prst="ellipse">
            <a:avLst/>
          </a:prstGeom>
          <a:gradFill>
            <a:gsLst>
              <a:gs pos="100000">
                <a:srgbClr val="FFFFFF">
                  <a:alpha val="0"/>
                </a:srgbClr>
              </a:gs>
              <a:gs pos="0">
                <a:srgbClr val="FFFFFF">
                  <a:alpha val="70000"/>
                </a:srgbClr>
              </a:gs>
            </a:gsLst>
            <a:path path="shape">
              <a:fillToRect l="50000" t="50000" r="50000" b="50000"/>
            </a:path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98" name="TextBox 97"/>
          <p:cNvSpPr txBox="1"/>
          <p:nvPr/>
        </p:nvSpPr>
        <p:spPr>
          <a:xfrm>
            <a:off x="854176" y="893245"/>
            <a:ext cx="884345" cy="338554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 defTabSz="1218987"/>
            <a:r>
              <a:rPr lang="en-US" sz="1600" b="1">
                <a:solidFill>
                  <a:prstClr val="white"/>
                </a:solidFill>
                <a:effectLst>
                  <a:outerShdw blurRad="63500" dist="38100" dir="5400000" sx="101000" sy="101000" algn="t" rotWithShape="0">
                    <a:prstClr val="black">
                      <a:alpha val="30000"/>
                    </a:prstClr>
                  </a:outerShdw>
                </a:effectLst>
                <a:latin typeface="Calibri"/>
              </a:rPr>
              <a:t>Concept</a:t>
            </a:r>
            <a:endParaRPr lang="en-US" sz="1600" b="1" dirty="0">
              <a:solidFill>
                <a:prstClr val="white"/>
              </a:solidFill>
              <a:effectLst>
                <a:outerShdw blurRad="63500" dist="38100" dir="5400000" sx="101000" sy="101000" algn="t" rotWithShape="0">
                  <a:prstClr val="black">
                    <a:alpha val="30000"/>
                  </a:prstClr>
                </a:outerShdw>
              </a:effectLst>
              <a:latin typeface="Calibri"/>
            </a:endParaRPr>
          </a:p>
        </p:txBody>
      </p:sp>
      <p:sp>
        <p:nvSpPr>
          <p:cNvPr id="99" name="Freeform 98"/>
          <p:cNvSpPr/>
          <p:nvPr/>
        </p:nvSpPr>
        <p:spPr>
          <a:xfrm>
            <a:off x="1187981" y="1299380"/>
            <a:ext cx="171416" cy="84617"/>
          </a:xfrm>
          <a:custGeom>
            <a:avLst/>
            <a:gdLst>
              <a:gd name="connsiteX0" fmla="*/ 0 w 1455420"/>
              <a:gd name="connsiteY0" fmla="*/ 0 h 895350"/>
              <a:gd name="connsiteX1" fmla="*/ 1455420 w 1455420"/>
              <a:gd name="connsiteY1" fmla="*/ 0 h 895350"/>
              <a:gd name="connsiteX2" fmla="*/ 720090 w 1455420"/>
              <a:gd name="connsiteY2" fmla="*/ 895350 h 895350"/>
              <a:gd name="connsiteX3" fmla="*/ 0 w 1455420"/>
              <a:gd name="connsiteY3" fmla="*/ 0 h 8953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455420" h="895350">
                <a:moveTo>
                  <a:pt x="0" y="0"/>
                </a:moveTo>
                <a:lnTo>
                  <a:pt x="1455420" y="0"/>
                </a:lnTo>
                <a:lnTo>
                  <a:pt x="720090" y="89535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60000"/>
            </a:srgbClr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00" name="Oval 99"/>
          <p:cNvSpPr/>
          <p:nvPr/>
        </p:nvSpPr>
        <p:spPr>
          <a:xfrm>
            <a:off x="79570" y="4553425"/>
            <a:ext cx="2362661" cy="177200"/>
          </a:xfrm>
          <a:prstGeom prst="ellipse">
            <a:avLst/>
          </a:prstGeom>
          <a:gradFill flip="none" rotWithShape="1">
            <a:gsLst>
              <a:gs pos="0">
                <a:sysClr val="windowText" lastClr="000000">
                  <a:lumMod val="50000"/>
                  <a:lumOff val="50000"/>
                  <a:alpha val="94000"/>
                </a:sysClr>
              </a:gs>
              <a:gs pos="100000">
                <a:sysClr val="window" lastClr="FFFFFF">
                  <a:alpha val="0"/>
                  <a:lumMod val="100000"/>
                </a:sysClr>
              </a:gs>
            </a:gsLst>
            <a:path path="shape">
              <a:fillToRect l="50000" t="50000" r="50000" b="50000"/>
            </a:path>
            <a:tileRect/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>
              <a:defRPr/>
            </a:pPr>
            <a:endParaRPr lang="en-US" sz="2400" kern="0">
              <a:solidFill>
                <a:sysClr val="window" lastClr="FFFFFF"/>
              </a:solidFill>
              <a:latin typeface="Calibri"/>
            </a:endParaRPr>
          </a:p>
        </p:txBody>
      </p:sp>
      <p:sp>
        <p:nvSpPr>
          <p:cNvPr id="108" name="Rectangle 107"/>
          <p:cNvSpPr/>
          <p:nvPr/>
        </p:nvSpPr>
        <p:spPr>
          <a:xfrm rot="20353203" flipH="1">
            <a:off x="-76200" y="1353224"/>
            <a:ext cx="1494830" cy="345075"/>
          </a:xfrm>
          <a:prstGeom prst="rect">
            <a:avLst/>
          </a:prstGeom>
          <a:noFill/>
          <a:ln w="12700" cap="flat" cmpd="sng" algn="ctr">
            <a:noFill/>
            <a:prstDash val="solid"/>
          </a:ln>
          <a:effectLst/>
        </p:spPr>
        <p:txBody>
          <a:bodyPr lIns="91440" tIns="0" rIns="91440" bIns="0" rtlCol="0" anchor="ctr"/>
          <a:lstStyle/>
          <a:p>
            <a:pPr algn="ctr" defTabSz="1218987">
              <a:defRPr/>
            </a:pPr>
            <a:r>
              <a:rPr lang="en-US" sz="1400" b="1" kern="0" dirty="0">
                <a:cs typeface="Arial" pitchFamily="34" charset="0"/>
              </a:rPr>
              <a:t>4 Stores</a:t>
            </a:r>
          </a:p>
        </p:txBody>
      </p:sp>
      <p:sp>
        <p:nvSpPr>
          <p:cNvPr id="121" name="Rounded Rectangle 120"/>
          <p:cNvSpPr/>
          <p:nvPr/>
        </p:nvSpPr>
        <p:spPr>
          <a:xfrm>
            <a:off x="308631" y="3886200"/>
            <a:ext cx="1999853" cy="438786"/>
          </a:xfrm>
          <a:prstGeom prst="roundRect">
            <a:avLst/>
          </a:prstGeom>
          <a:noFill/>
          <a:ln>
            <a:noFill/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3945"/>
            <a:r>
              <a:rPr lang="en-US" sz="1400" b="1" i="1" dirty="0">
                <a:solidFill>
                  <a:schemeClr val="tx1"/>
                </a:solidFill>
              </a:rPr>
              <a:t>Enhance customers food experience</a:t>
            </a:r>
          </a:p>
        </p:txBody>
      </p:sp>
      <p:sp>
        <p:nvSpPr>
          <p:cNvPr id="129" name="Rectangle 128"/>
          <p:cNvSpPr/>
          <p:nvPr/>
        </p:nvSpPr>
        <p:spPr>
          <a:xfrm>
            <a:off x="261914" y="1847850"/>
            <a:ext cx="2104117" cy="1099571"/>
          </a:xfrm>
          <a:prstGeom prst="rect">
            <a:avLst/>
          </a:prstGeom>
          <a:noFill/>
          <a:ln w="12700" cap="flat" cmpd="sng" algn="ctr">
            <a:noFill/>
            <a:prstDash val="solid"/>
          </a:ln>
          <a:effectLst/>
        </p:spPr>
        <p:txBody>
          <a:bodyPr lIns="91440" tIns="0" rIns="91440" bIns="0" rtlCol="0" anchor="t"/>
          <a:lstStyle/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Sqm:                       1,700</a:t>
            </a: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vg. Sales/Day: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25.6 KEUR</a:t>
            </a:r>
            <a:endParaRPr lang="en-US" sz="900" kern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Clients/Day:    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2,400</a:t>
            </a:r>
          </a:p>
          <a:p>
            <a:pPr defTabSz="1218987">
              <a:defRPr/>
            </a:pP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Basket:                   11 EUR</a:t>
            </a:r>
            <a:endParaRPr lang="en-US" sz="900" kern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ssortment:            12,600 SKU’s</a:t>
            </a: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ssociates:             80</a:t>
            </a: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Capex:                    &gt;1.5 MEUR</a:t>
            </a: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Price index KF: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97</a:t>
            </a:r>
            <a:endParaRPr lang="en-US" sz="900" kern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</p:txBody>
      </p:sp>
      <p:sp>
        <p:nvSpPr>
          <p:cNvPr id="101" name="TextBox 100"/>
          <p:cNvSpPr txBox="1"/>
          <p:nvPr/>
        </p:nvSpPr>
        <p:spPr>
          <a:xfrm>
            <a:off x="1329926" y="1428750"/>
            <a:ext cx="959905" cy="400110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defTabSz="913945"/>
            <a:r>
              <a:rPr lang="en-US" sz="1000" i="1" dirty="0">
                <a:solidFill>
                  <a:srgbClr val="414141"/>
                </a:solidFill>
              </a:rPr>
              <a:t>Urban Center</a:t>
            </a:r>
          </a:p>
          <a:p>
            <a:pPr defTabSz="913945"/>
            <a:r>
              <a:rPr lang="en-US" sz="1000" i="1" dirty="0">
                <a:solidFill>
                  <a:srgbClr val="414141"/>
                </a:solidFill>
              </a:rPr>
              <a:t>   +100 .000</a:t>
            </a:r>
          </a:p>
        </p:txBody>
      </p:sp>
      <p:sp>
        <p:nvSpPr>
          <p:cNvPr id="103" name="TextBox 102"/>
          <p:cNvSpPr txBox="1"/>
          <p:nvPr/>
        </p:nvSpPr>
        <p:spPr>
          <a:xfrm>
            <a:off x="416655" y="4268273"/>
            <a:ext cx="1999853" cy="369332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algn="ctr" defTabSz="913945"/>
            <a:r>
              <a:rPr lang="en-US" sz="900" i="1" kern="0" dirty="0">
                <a:solidFill>
                  <a:prstClr val="black"/>
                </a:solidFill>
                <a:cs typeface="Arial" pitchFamily="34" charset="0"/>
              </a:rPr>
              <a:t>New  layout, new standards, new in-store experience</a:t>
            </a:r>
          </a:p>
        </p:txBody>
      </p:sp>
      <p:sp>
        <p:nvSpPr>
          <p:cNvPr id="80" name="Freeform 79"/>
          <p:cNvSpPr/>
          <p:nvPr/>
        </p:nvSpPr>
        <p:spPr>
          <a:xfrm>
            <a:off x="8549866" y="857250"/>
            <a:ext cx="201771" cy="119188"/>
          </a:xfrm>
          <a:custGeom>
            <a:avLst/>
            <a:gdLst>
              <a:gd name="connsiteX0" fmla="*/ 163830 w 213360"/>
              <a:gd name="connsiteY0" fmla="*/ 0 h 152400"/>
              <a:gd name="connsiteX1" fmla="*/ 213360 w 213360"/>
              <a:gd name="connsiteY1" fmla="*/ 137160 h 152400"/>
              <a:gd name="connsiteX2" fmla="*/ 0 w 213360"/>
              <a:gd name="connsiteY2" fmla="*/ 152400 h 152400"/>
              <a:gd name="connsiteX3" fmla="*/ 163830 w 213360"/>
              <a:gd name="connsiteY3" fmla="*/ 0 h 152400"/>
              <a:gd name="connsiteX0" fmla="*/ 163830 w 222885"/>
              <a:gd name="connsiteY0" fmla="*/ 0 h 160020"/>
              <a:gd name="connsiteX1" fmla="*/ 222885 w 222885"/>
              <a:gd name="connsiteY1" fmla="*/ 160020 h 160020"/>
              <a:gd name="connsiteX2" fmla="*/ 0 w 222885"/>
              <a:gd name="connsiteY2" fmla="*/ 152400 h 160020"/>
              <a:gd name="connsiteX3" fmla="*/ 163830 w 222885"/>
              <a:gd name="connsiteY3" fmla="*/ 0 h 160020"/>
              <a:gd name="connsiteX0" fmla="*/ 171450 w 230505"/>
              <a:gd name="connsiteY0" fmla="*/ 0 h 163830"/>
              <a:gd name="connsiteX1" fmla="*/ 230505 w 230505"/>
              <a:gd name="connsiteY1" fmla="*/ 160020 h 163830"/>
              <a:gd name="connsiteX2" fmla="*/ 0 w 230505"/>
              <a:gd name="connsiteY2" fmla="*/ 163830 h 163830"/>
              <a:gd name="connsiteX3" fmla="*/ 171450 w 230505"/>
              <a:gd name="connsiteY3" fmla="*/ 0 h 163830"/>
              <a:gd name="connsiteX0" fmla="*/ 156210 w 215265"/>
              <a:gd name="connsiteY0" fmla="*/ 0 h 167640"/>
              <a:gd name="connsiteX1" fmla="*/ 215265 w 215265"/>
              <a:gd name="connsiteY1" fmla="*/ 160020 h 167640"/>
              <a:gd name="connsiteX2" fmla="*/ 0 w 215265"/>
              <a:gd name="connsiteY2" fmla="*/ 167640 h 167640"/>
              <a:gd name="connsiteX3" fmla="*/ 156210 w 215265"/>
              <a:gd name="connsiteY3" fmla="*/ 0 h 167640"/>
              <a:gd name="connsiteX0" fmla="*/ 169545 w 215265"/>
              <a:gd name="connsiteY0" fmla="*/ 0 h 131445"/>
              <a:gd name="connsiteX1" fmla="*/ 215265 w 215265"/>
              <a:gd name="connsiteY1" fmla="*/ 123825 h 131445"/>
              <a:gd name="connsiteX2" fmla="*/ 0 w 215265"/>
              <a:gd name="connsiteY2" fmla="*/ 131445 h 131445"/>
              <a:gd name="connsiteX3" fmla="*/ 169545 w 215265"/>
              <a:gd name="connsiteY3" fmla="*/ 0 h 131445"/>
              <a:gd name="connsiteX0" fmla="*/ 154305 w 215265"/>
              <a:gd name="connsiteY0" fmla="*/ 0 h 169545"/>
              <a:gd name="connsiteX1" fmla="*/ 215265 w 215265"/>
              <a:gd name="connsiteY1" fmla="*/ 161925 h 169545"/>
              <a:gd name="connsiteX2" fmla="*/ 0 w 215265"/>
              <a:gd name="connsiteY2" fmla="*/ 169545 h 169545"/>
              <a:gd name="connsiteX3" fmla="*/ 154305 w 215265"/>
              <a:gd name="connsiteY3" fmla="*/ 0 h 1695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215265" h="169545">
                <a:moveTo>
                  <a:pt x="154305" y="0"/>
                </a:moveTo>
                <a:lnTo>
                  <a:pt x="215265" y="161925"/>
                </a:lnTo>
                <a:lnTo>
                  <a:pt x="0" y="169545"/>
                </a:lnTo>
                <a:lnTo>
                  <a:pt x="154305" y="0"/>
                </a:lnTo>
                <a:close/>
              </a:path>
            </a:pathLst>
          </a:custGeom>
          <a:gradFill flip="none" rotWithShape="1">
            <a:gsLst>
              <a:gs pos="100000">
                <a:srgbClr val="019ADD"/>
              </a:gs>
              <a:gs pos="0">
                <a:srgbClr val="000000"/>
              </a:gs>
            </a:gsLst>
            <a:lin ang="0" scaled="1"/>
            <a:tileRect/>
          </a:gradFill>
          <a:ln w="1905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81" name="Freeform 80"/>
          <p:cNvSpPr/>
          <p:nvPr/>
        </p:nvSpPr>
        <p:spPr>
          <a:xfrm>
            <a:off x="7176750" y="858589"/>
            <a:ext cx="307120" cy="192843"/>
          </a:xfrm>
          <a:custGeom>
            <a:avLst/>
            <a:gdLst>
              <a:gd name="connsiteX0" fmla="*/ 102870 w 327660"/>
              <a:gd name="connsiteY0" fmla="*/ 0 h 270510"/>
              <a:gd name="connsiteX1" fmla="*/ 0 w 327660"/>
              <a:gd name="connsiteY1" fmla="*/ 270510 h 270510"/>
              <a:gd name="connsiteX2" fmla="*/ 327660 w 327660"/>
              <a:gd name="connsiteY2" fmla="*/ 240030 h 270510"/>
              <a:gd name="connsiteX3" fmla="*/ 102870 w 327660"/>
              <a:gd name="connsiteY3" fmla="*/ 0 h 270510"/>
              <a:gd name="connsiteX0" fmla="*/ 106680 w 327660"/>
              <a:gd name="connsiteY0" fmla="*/ 0 h 274320"/>
              <a:gd name="connsiteX1" fmla="*/ 0 w 327660"/>
              <a:gd name="connsiteY1" fmla="*/ 274320 h 274320"/>
              <a:gd name="connsiteX2" fmla="*/ 327660 w 327660"/>
              <a:gd name="connsiteY2" fmla="*/ 243840 h 274320"/>
              <a:gd name="connsiteX3" fmla="*/ 106680 w 327660"/>
              <a:gd name="connsiteY3" fmla="*/ 0 h 274320"/>
              <a:gd name="connsiteX0" fmla="*/ 106680 w 327660"/>
              <a:gd name="connsiteY0" fmla="*/ 0 h 274320"/>
              <a:gd name="connsiteX1" fmla="*/ 0 w 327660"/>
              <a:gd name="connsiteY1" fmla="*/ 274320 h 274320"/>
              <a:gd name="connsiteX2" fmla="*/ 327660 w 327660"/>
              <a:gd name="connsiteY2" fmla="*/ 243840 h 274320"/>
              <a:gd name="connsiteX3" fmla="*/ 173355 w 327660"/>
              <a:gd name="connsiteY3" fmla="*/ 0 h 274320"/>
              <a:gd name="connsiteX4" fmla="*/ 106680 w 327660"/>
              <a:gd name="connsiteY4" fmla="*/ 0 h 2743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7660" h="274320">
                <a:moveTo>
                  <a:pt x="106680" y="0"/>
                </a:moveTo>
                <a:lnTo>
                  <a:pt x="0" y="274320"/>
                </a:lnTo>
                <a:lnTo>
                  <a:pt x="327660" y="243840"/>
                </a:lnTo>
                <a:cubicBezTo>
                  <a:pt x="268605" y="179070"/>
                  <a:pt x="232410" y="64770"/>
                  <a:pt x="173355" y="0"/>
                </a:cubicBezTo>
                <a:lnTo>
                  <a:pt x="106680" y="0"/>
                </a:lnTo>
                <a:close/>
              </a:path>
            </a:pathLst>
          </a:custGeom>
          <a:gradFill flip="none" rotWithShape="1">
            <a:gsLst>
              <a:gs pos="0">
                <a:srgbClr val="019ADD"/>
              </a:gs>
              <a:gs pos="100000">
                <a:srgbClr val="000000"/>
              </a:gs>
            </a:gsLst>
            <a:lin ang="0" scaled="1"/>
            <a:tileRect/>
          </a:gradFill>
          <a:ln w="1905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82" name="Freeform 81"/>
          <p:cNvSpPr/>
          <p:nvPr/>
        </p:nvSpPr>
        <p:spPr>
          <a:xfrm>
            <a:off x="6955342" y="931080"/>
            <a:ext cx="2071275" cy="3450896"/>
          </a:xfrm>
          <a:custGeom>
            <a:avLst/>
            <a:gdLst>
              <a:gd name="connsiteX0" fmla="*/ 0 w 2209800"/>
              <a:gd name="connsiteY0" fmla="*/ 144780 h 3931920"/>
              <a:gd name="connsiteX1" fmla="*/ 76200 w 2209800"/>
              <a:gd name="connsiteY1" fmla="*/ 3840480 h 3931920"/>
              <a:gd name="connsiteX2" fmla="*/ 2209800 w 2209800"/>
              <a:gd name="connsiteY2" fmla="*/ 3931920 h 3931920"/>
              <a:gd name="connsiteX3" fmla="*/ 2141220 w 2209800"/>
              <a:gd name="connsiteY3" fmla="*/ 0 h 3931920"/>
              <a:gd name="connsiteX4" fmla="*/ 0 w 2209800"/>
              <a:gd name="connsiteY4" fmla="*/ 144780 h 39319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209800" h="3931920">
                <a:moveTo>
                  <a:pt x="0" y="144780"/>
                </a:moveTo>
                <a:lnTo>
                  <a:pt x="76200" y="3840480"/>
                </a:lnTo>
                <a:lnTo>
                  <a:pt x="2209800" y="3931920"/>
                </a:lnTo>
                <a:lnTo>
                  <a:pt x="2141220" y="0"/>
                </a:lnTo>
                <a:lnTo>
                  <a:pt x="0" y="144780"/>
                </a:lnTo>
                <a:close/>
              </a:path>
            </a:pathLst>
          </a:custGeom>
          <a:noFill/>
          <a:ln w="12700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84" name="Freeform 83"/>
          <p:cNvSpPr/>
          <p:nvPr/>
        </p:nvSpPr>
        <p:spPr>
          <a:xfrm>
            <a:off x="7301741" y="866626"/>
            <a:ext cx="1364184" cy="629417"/>
          </a:xfrm>
          <a:custGeom>
            <a:avLst/>
            <a:gdLst>
              <a:gd name="connsiteX0" fmla="*/ 0 w 1455420"/>
              <a:gd name="connsiteY0" fmla="*/ 0 h 895350"/>
              <a:gd name="connsiteX1" fmla="*/ 1455420 w 1455420"/>
              <a:gd name="connsiteY1" fmla="*/ 0 h 895350"/>
              <a:gd name="connsiteX2" fmla="*/ 720090 w 1455420"/>
              <a:gd name="connsiteY2" fmla="*/ 895350 h 895350"/>
              <a:gd name="connsiteX3" fmla="*/ 0 w 1455420"/>
              <a:gd name="connsiteY3" fmla="*/ 0 h 8953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455420" h="895350">
                <a:moveTo>
                  <a:pt x="0" y="0"/>
                </a:moveTo>
                <a:lnTo>
                  <a:pt x="1455420" y="0"/>
                </a:lnTo>
                <a:lnTo>
                  <a:pt x="720090" y="89535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46000">
                <a:srgbClr val="019ADD"/>
              </a:gs>
              <a:gs pos="100000">
                <a:srgbClr val="019ADD">
                  <a:lumMod val="75000"/>
                </a:srgbClr>
              </a:gs>
              <a:gs pos="0">
                <a:srgbClr val="019ADD">
                  <a:lumMod val="50000"/>
                </a:srgbClr>
              </a:gs>
            </a:gsLst>
            <a:lin ang="5400000" scaled="1"/>
            <a:tileRect/>
          </a:gradFill>
          <a:ln w="28575" cap="sq" cmpd="sng" algn="ctr">
            <a:gradFill flip="none" rotWithShape="1">
              <a:gsLst>
                <a:gs pos="0">
                  <a:srgbClr val="019ADD">
                    <a:lumMod val="50000"/>
                  </a:srgbClr>
                </a:gs>
                <a:gs pos="50000">
                  <a:srgbClr val="019ADD"/>
                </a:gs>
                <a:gs pos="95000">
                  <a:srgbClr val="019ADD">
                    <a:lumMod val="50000"/>
                  </a:srgbClr>
                </a:gs>
              </a:gsLst>
              <a:lin ang="5400000" scaled="1"/>
              <a:tileRect/>
            </a:gradFill>
            <a:prstDash val="solid"/>
            <a:miter lim="800000"/>
          </a:ln>
          <a:effectLst>
            <a:outerShdw blurRad="101600" dist="63500" dir="5400000" algn="t" rotWithShape="0">
              <a:prstClr val="black">
                <a:alpha val="40000"/>
              </a:prstClr>
            </a:outerShdw>
          </a:effectLst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85" name="Oval 84"/>
          <p:cNvSpPr/>
          <p:nvPr/>
        </p:nvSpPr>
        <p:spPr>
          <a:xfrm>
            <a:off x="7512443" y="879940"/>
            <a:ext cx="942787" cy="51425"/>
          </a:xfrm>
          <a:prstGeom prst="ellipse">
            <a:avLst/>
          </a:prstGeom>
          <a:gradFill>
            <a:gsLst>
              <a:gs pos="100000">
                <a:srgbClr val="FFFFFF">
                  <a:alpha val="0"/>
                </a:srgbClr>
              </a:gs>
              <a:gs pos="0">
                <a:srgbClr val="FFFFFF">
                  <a:alpha val="70000"/>
                </a:srgbClr>
              </a:gs>
            </a:gsLst>
            <a:path path="shape">
              <a:fillToRect l="50000" t="50000" r="50000" b="50000"/>
            </a:path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86" name="Oval 85"/>
          <p:cNvSpPr/>
          <p:nvPr/>
        </p:nvSpPr>
        <p:spPr>
          <a:xfrm>
            <a:off x="7755283" y="1200618"/>
            <a:ext cx="457109" cy="32140"/>
          </a:xfrm>
          <a:prstGeom prst="ellipse">
            <a:avLst/>
          </a:prstGeom>
          <a:gradFill>
            <a:gsLst>
              <a:gs pos="100000">
                <a:srgbClr val="FFFFFF">
                  <a:alpha val="0"/>
                </a:srgbClr>
              </a:gs>
              <a:gs pos="0">
                <a:srgbClr val="FFFFFF">
                  <a:alpha val="70000"/>
                </a:srgbClr>
              </a:gs>
            </a:gsLst>
            <a:path path="shape">
              <a:fillToRect l="50000" t="50000" r="50000" b="50000"/>
            </a:path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87" name="TextBox 86"/>
          <p:cNvSpPr txBox="1"/>
          <p:nvPr/>
        </p:nvSpPr>
        <p:spPr>
          <a:xfrm>
            <a:off x="7742280" y="893245"/>
            <a:ext cx="511679" cy="338554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 defTabSz="1218987"/>
            <a:r>
              <a:rPr lang="en-US" sz="1600" b="1">
                <a:solidFill>
                  <a:prstClr val="white"/>
                </a:solidFill>
                <a:effectLst>
                  <a:outerShdw blurRad="63500" dist="38100" dir="5400000" sx="101000" sy="101000" algn="t" rotWithShape="0">
                    <a:prstClr val="black">
                      <a:alpha val="30000"/>
                    </a:prstClr>
                  </a:outerShdw>
                </a:effectLst>
                <a:latin typeface="Calibri"/>
              </a:rPr>
              <a:t>City</a:t>
            </a:r>
            <a:endParaRPr lang="en-US" sz="1600" b="1" dirty="0">
              <a:solidFill>
                <a:prstClr val="white"/>
              </a:solidFill>
              <a:effectLst>
                <a:outerShdw blurRad="63500" dist="38100" dir="5400000" sx="101000" sy="101000" algn="t" rotWithShape="0">
                  <a:prstClr val="black">
                    <a:alpha val="30000"/>
                  </a:prstClr>
                </a:outerShdw>
              </a:effectLst>
              <a:latin typeface="Calibri"/>
            </a:endParaRPr>
          </a:p>
        </p:txBody>
      </p:sp>
      <p:sp>
        <p:nvSpPr>
          <p:cNvPr id="88" name="Freeform 87"/>
          <p:cNvSpPr/>
          <p:nvPr/>
        </p:nvSpPr>
        <p:spPr>
          <a:xfrm>
            <a:off x="7889753" y="1299380"/>
            <a:ext cx="171416" cy="84617"/>
          </a:xfrm>
          <a:custGeom>
            <a:avLst/>
            <a:gdLst>
              <a:gd name="connsiteX0" fmla="*/ 0 w 1455420"/>
              <a:gd name="connsiteY0" fmla="*/ 0 h 895350"/>
              <a:gd name="connsiteX1" fmla="*/ 1455420 w 1455420"/>
              <a:gd name="connsiteY1" fmla="*/ 0 h 895350"/>
              <a:gd name="connsiteX2" fmla="*/ 720090 w 1455420"/>
              <a:gd name="connsiteY2" fmla="*/ 895350 h 895350"/>
              <a:gd name="connsiteX3" fmla="*/ 0 w 1455420"/>
              <a:gd name="connsiteY3" fmla="*/ 0 h 8953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455420" h="895350">
                <a:moveTo>
                  <a:pt x="0" y="0"/>
                </a:moveTo>
                <a:lnTo>
                  <a:pt x="1455420" y="0"/>
                </a:lnTo>
                <a:lnTo>
                  <a:pt x="720090" y="89535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60000"/>
            </a:srgbClr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89" name="Oval 88"/>
          <p:cNvSpPr/>
          <p:nvPr/>
        </p:nvSpPr>
        <p:spPr>
          <a:xfrm>
            <a:off x="6781341" y="4553425"/>
            <a:ext cx="2362661" cy="177200"/>
          </a:xfrm>
          <a:prstGeom prst="ellipse">
            <a:avLst/>
          </a:prstGeom>
          <a:gradFill flip="none" rotWithShape="1">
            <a:gsLst>
              <a:gs pos="0">
                <a:sysClr val="windowText" lastClr="000000">
                  <a:lumMod val="50000"/>
                  <a:lumOff val="50000"/>
                  <a:alpha val="94000"/>
                </a:sysClr>
              </a:gs>
              <a:gs pos="100000">
                <a:sysClr val="window" lastClr="FFFFFF">
                  <a:alpha val="0"/>
                  <a:lumMod val="100000"/>
                </a:sysClr>
              </a:gs>
            </a:gsLst>
            <a:path path="shape">
              <a:fillToRect l="50000" t="50000" r="50000" b="50000"/>
            </a:path>
            <a:tileRect/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>
              <a:defRPr/>
            </a:pPr>
            <a:endParaRPr lang="en-US" sz="2400" kern="0">
              <a:solidFill>
                <a:sysClr val="window" lastClr="FFFFFF"/>
              </a:solidFill>
              <a:latin typeface="Calibri"/>
            </a:endParaRPr>
          </a:p>
        </p:txBody>
      </p:sp>
      <p:sp>
        <p:nvSpPr>
          <p:cNvPr id="109" name="Rectangle 108"/>
          <p:cNvSpPr/>
          <p:nvPr/>
        </p:nvSpPr>
        <p:spPr>
          <a:xfrm rot="20465580">
            <a:off x="6759324" y="1369168"/>
            <a:ext cx="1343995" cy="363271"/>
          </a:xfrm>
          <a:prstGeom prst="rect">
            <a:avLst/>
          </a:prstGeom>
          <a:noFill/>
          <a:ln w="12700" cap="flat" cmpd="sng" algn="ctr">
            <a:noFill/>
            <a:prstDash val="solid"/>
          </a:ln>
          <a:effectLst/>
        </p:spPr>
        <p:txBody>
          <a:bodyPr lIns="91440" tIns="0" rIns="91440" bIns="0" rtlCol="0" anchor="ctr"/>
          <a:lstStyle/>
          <a:p>
            <a:pPr algn="ctr" defTabSz="1218987">
              <a:defRPr/>
            </a:pPr>
            <a:r>
              <a:rPr lang="en-US" sz="1400" b="1" kern="0" smtClean="0">
                <a:cs typeface="Arial" pitchFamily="34" charset="0"/>
              </a:rPr>
              <a:t>79 </a:t>
            </a:r>
            <a:r>
              <a:rPr lang="en-US" sz="1400" b="1" kern="0" dirty="0">
                <a:cs typeface="Arial" pitchFamily="34" charset="0"/>
              </a:rPr>
              <a:t>Stores</a:t>
            </a:r>
          </a:p>
        </p:txBody>
      </p:sp>
      <p:sp>
        <p:nvSpPr>
          <p:cNvPr id="116" name="TextBox 115"/>
          <p:cNvSpPr txBox="1"/>
          <p:nvPr/>
        </p:nvSpPr>
        <p:spPr>
          <a:xfrm>
            <a:off x="8119401" y="1428750"/>
            <a:ext cx="959905" cy="400110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defTabSz="913945"/>
            <a:r>
              <a:rPr lang="en-US" sz="1000" i="1" dirty="0">
                <a:solidFill>
                  <a:srgbClr val="414141"/>
                </a:solidFill>
              </a:rPr>
              <a:t>Urban Center</a:t>
            </a:r>
          </a:p>
          <a:p>
            <a:pPr defTabSz="913945"/>
            <a:r>
              <a:rPr lang="en-US" sz="1000" i="1" dirty="0">
                <a:solidFill>
                  <a:srgbClr val="414141"/>
                </a:solidFill>
              </a:rPr>
              <a:t>   +100 .000</a:t>
            </a:r>
          </a:p>
        </p:txBody>
      </p:sp>
      <p:sp>
        <p:nvSpPr>
          <p:cNvPr id="119" name="Rectangle 118"/>
          <p:cNvSpPr/>
          <p:nvPr/>
        </p:nvSpPr>
        <p:spPr>
          <a:xfrm>
            <a:off x="6975189" y="1827531"/>
            <a:ext cx="2104117" cy="841654"/>
          </a:xfrm>
          <a:prstGeom prst="rect">
            <a:avLst/>
          </a:prstGeom>
          <a:noFill/>
          <a:ln w="12700" cap="flat" cmpd="sng" algn="ctr">
            <a:noFill/>
            <a:prstDash val="solid"/>
          </a:ln>
          <a:effectLst/>
        </p:spPr>
        <p:txBody>
          <a:bodyPr lIns="91440" tIns="0" rIns="91440" bIns="0" rtlCol="0" anchor="t"/>
          <a:lstStyle/>
          <a:p>
            <a:pPr defTabSz="1218987">
              <a:defRPr/>
            </a:pPr>
            <a:r>
              <a:rPr lang="en-US" sz="900" kern="0" dirty="0" err="1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Sqm</a:t>
            </a: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                 300</a:t>
            </a: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vg. Sales/Day</a:t>
            </a: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6.7 EUR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Clients/Day</a:t>
            </a: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1,600</a:t>
            </a:r>
          </a:p>
          <a:p>
            <a:pPr defTabSz="1218987">
              <a:defRPr/>
            </a:pP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Basket:             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4 EUR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ssortment</a:t>
            </a: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5,800 </a:t>
            </a: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SKU’s</a:t>
            </a: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ssociates</a:t>
            </a: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30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Capex</a:t>
            </a: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      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&gt;</a:t>
            </a: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300 KEUR</a:t>
            </a: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Price index KF</a:t>
            </a: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97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</p:txBody>
      </p:sp>
      <p:sp>
        <p:nvSpPr>
          <p:cNvPr id="120" name="Rounded Rectangle 119"/>
          <p:cNvSpPr/>
          <p:nvPr/>
        </p:nvSpPr>
        <p:spPr>
          <a:xfrm>
            <a:off x="7003253" y="3888104"/>
            <a:ext cx="2140749" cy="438786"/>
          </a:xfrm>
          <a:prstGeom prst="roundRect">
            <a:avLst/>
          </a:prstGeom>
          <a:noFill/>
          <a:ln>
            <a:noFill/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3945"/>
            <a:r>
              <a:rPr lang="en-US" sz="1100" b="1" i="1" dirty="0">
                <a:solidFill>
                  <a:schemeClr val="tx1"/>
                </a:solidFill>
              </a:rPr>
              <a:t>Cover the expectation of the customers in proximity</a:t>
            </a:r>
          </a:p>
        </p:txBody>
      </p:sp>
      <p:pic>
        <p:nvPicPr>
          <p:cNvPr id="128" name="Picture 100"/>
          <p:cNvPicPr>
            <a:picLocks noChangeAspect="1" noChangeArrowheads="1"/>
          </p:cNvPicPr>
          <p:nvPr/>
        </p:nvPicPr>
        <p:blipFill>
          <a:blip r:embed="rId8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815840" y="2962263"/>
            <a:ext cx="1965960" cy="89826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31" name="Freeform 130"/>
          <p:cNvSpPr/>
          <p:nvPr/>
        </p:nvSpPr>
        <p:spPr>
          <a:xfrm>
            <a:off x="4097514" y="857250"/>
            <a:ext cx="201771" cy="119188"/>
          </a:xfrm>
          <a:custGeom>
            <a:avLst/>
            <a:gdLst>
              <a:gd name="connsiteX0" fmla="*/ 163830 w 213360"/>
              <a:gd name="connsiteY0" fmla="*/ 0 h 152400"/>
              <a:gd name="connsiteX1" fmla="*/ 213360 w 213360"/>
              <a:gd name="connsiteY1" fmla="*/ 137160 h 152400"/>
              <a:gd name="connsiteX2" fmla="*/ 0 w 213360"/>
              <a:gd name="connsiteY2" fmla="*/ 152400 h 152400"/>
              <a:gd name="connsiteX3" fmla="*/ 163830 w 213360"/>
              <a:gd name="connsiteY3" fmla="*/ 0 h 152400"/>
              <a:gd name="connsiteX0" fmla="*/ 163830 w 222885"/>
              <a:gd name="connsiteY0" fmla="*/ 0 h 160020"/>
              <a:gd name="connsiteX1" fmla="*/ 222885 w 222885"/>
              <a:gd name="connsiteY1" fmla="*/ 160020 h 160020"/>
              <a:gd name="connsiteX2" fmla="*/ 0 w 222885"/>
              <a:gd name="connsiteY2" fmla="*/ 152400 h 160020"/>
              <a:gd name="connsiteX3" fmla="*/ 163830 w 222885"/>
              <a:gd name="connsiteY3" fmla="*/ 0 h 160020"/>
              <a:gd name="connsiteX0" fmla="*/ 171450 w 230505"/>
              <a:gd name="connsiteY0" fmla="*/ 0 h 163830"/>
              <a:gd name="connsiteX1" fmla="*/ 230505 w 230505"/>
              <a:gd name="connsiteY1" fmla="*/ 160020 h 163830"/>
              <a:gd name="connsiteX2" fmla="*/ 0 w 230505"/>
              <a:gd name="connsiteY2" fmla="*/ 163830 h 163830"/>
              <a:gd name="connsiteX3" fmla="*/ 171450 w 230505"/>
              <a:gd name="connsiteY3" fmla="*/ 0 h 163830"/>
              <a:gd name="connsiteX0" fmla="*/ 156210 w 215265"/>
              <a:gd name="connsiteY0" fmla="*/ 0 h 167640"/>
              <a:gd name="connsiteX1" fmla="*/ 215265 w 215265"/>
              <a:gd name="connsiteY1" fmla="*/ 160020 h 167640"/>
              <a:gd name="connsiteX2" fmla="*/ 0 w 215265"/>
              <a:gd name="connsiteY2" fmla="*/ 167640 h 167640"/>
              <a:gd name="connsiteX3" fmla="*/ 156210 w 215265"/>
              <a:gd name="connsiteY3" fmla="*/ 0 h 167640"/>
              <a:gd name="connsiteX0" fmla="*/ 169545 w 215265"/>
              <a:gd name="connsiteY0" fmla="*/ 0 h 131445"/>
              <a:gd name="connsiteX1" fmla="*/ 215265 w 215265"/>
              <a:gd name="connsiteY1" fmla="*/ 123825 h 131445"/>
              <a:gd name="connsiteX2" fmla="*/ 0 w 215265"/>
              <a:gd name="connsiteY2" fmla="*/ 131445 h 131445"/>
              <a:gd name="connsiteX3" fmla="*/ 169545 w 215265"/>
              <a:gd name="connsiteY3" fmla="*/ 0 h 131445"/>
              <a:gd name="connsiteX0" fmla="*/ 154305 w 215265"/>
              <a:gd name="connsiteY0" fmla="*/ 0 h 169545"/>
              <a:gd name="connsiteX1" fmla="*/ 215265 w 215265"/>
              <a:gd name="connsiteY1" fmla="*/ 161925 h 169545"/>
              <a:gd name="connsiteX2" fmla="*/ 0 w 215265"/>
              <a:gd name="connsiteY2" fmla="*/ 169545 h 169545"/>
              <a:gd name="connsiteX3" fmla="*/ 154305 w 215265"/>
              <a:gd name="connsiteY3" fmla="*/ 0 h 1695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215265" h="169545">
                <a:moveTo>
                  <a:pt x="154305" y="0"/>
                </a:moveTo>
                <a:lnTo>
                  <a:pt x="215265" y="161925"/>
                </a:lnTo>
                <a:lnTo>
                  <a:pt x="0" y="169545"/>
                </a:lnTo>
                <a:lnTo>
                  <a:pt x="154305" y="0"/>
                </a:lnTo>
                <a:close/>
              </a:path>
            </a:pathLst>
          </a:custGeom>
          <a:gradFill flip="none" rotWithShape="1">
            <a:gsLst>
              <a:gs pos="84000">
                <a:srgbClr val="061E00">
                  <a:lumMod val="0"/>
                </a:srgbClr>
              </a:gs>
              <a:gs pos="0">
                <a:srgbClr val="A7CCDF"/>
              </a:gs>
            </a:gsLst>
            <a:lin ang="10200000" scaled="0"/>
            <a:tileRect/>
          </a:gradFill>
          <a:ln w="1905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32" name="Freeform 131"/>
          <p:cNvSpPr/>
          <p:nvPr/>
        </p:nvSpPr>
        <p:spPr>
          <a:xfrm>
            <a:off x="2724398" y="858589"/>
            <a:ext cx="307120" cy="192843"/>
          </a:xfrm>
          <a:custGeom>
            <a:avLst/>
            <a:gdLst>
              <a:gd name="connsiteX0" fmla="*/ 102870 w 327660"/>
              <a:gd name="connsiteY0" fmla="*/ 0 h 270510"/>
              <a:gd name="connsiteX1" fmla="*/ 0 w 327660"/>
              <a:gd name="connsiteY1" fmla="*/ 270510 h 270510"/>
              <a:gd name="connsiteX2" fmla="*/ 327660 w 327660"/>
              <a:gd name="connsiteY2" fmla="*/ 240030 h 270510"/>
              <a:gd name="connsiteX3" fmla="*/ 102870 w 327660"/>
              <a:gd name="connsiteY3" fmla="*/ 0 h 270510"/>
              <a:gd name="connsiteX0" fmla="*/ 106680 w 327660"/>
              <a:gd name="connsiteY0" fmla="*/ 0 h 274320"/>
              <a:gd name="connsiteX1" fmla="*/ 0 w 327660"/>
              <a:gd name="connsiteY1" fmla="*/ 274320 h 274320"/>
              <a:gd name="connsiteX2" fmla="*/ 327660 w 327660"/>
              <a:gd name="connsiteY2" fmla="*/ 243840 h 274320"/>
              <a:gd name="connsiteX3" fmla="*/ 106680 w 327660"/>
              <a:gd name="connsiteY3" fmla="*/ 0 h 274320"/>
              <a:gd name="connsiteX0" fmla="*/ 106680 w 327660"/>
              <a:gd name="connsiteY0" fmla="*/ 0 h 274320"/>
              <a:gd name="connsiteX1" fmla="*/ 0 w 327660"/>
              <a:gd name="connsiteY1" fmla="*/ 274320 h 274320"/>
              <a:gd name="connsiteX2" fmla="*/ 327660 w 327660"/>
              <a:gd name="connsiteY2" fmla="*/ 243840 h 274320"/>
              <a:gd name="connsiteX3" fmla="*/ 173355 w 327660"/>
              <a:gd name="connsiteY3" fmla="*/ 0 h 274320"/>
              <a:gd name="connsiteX4" fmla="*/ 106680 w 327660"/>
              <a:gd name="connsiteY4" fmla="*/ 0 h 2743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327660" h="274320">
                <a:moveTo>
                  <a:pt x="106680" y="0"/>
                </a:moveTo>
                <a:lnTo>
                  <a:pt x="0" y="274320"/>
                </a:lnTo>
                <a:lnTo>
                  <a:pt x="327660" y="243840"/>
                </a:lnTo>
                <a:cubicBezTo>
                  <a:pt x="268605" y="179070"/>
                  <a:pt x="232410" y="64770"/>
                  <a:pt x="173355" y="0"/>
                </a:cubicBezTo>
                <a:lnTo>
                  <a:pt x="106680" y="0"/>
                </a:lnTo>
                <a:close/>
              </a:path>
            </a:pathLst>
          </a:custGeom>
          <a:gradFill flip="none" rotWithShape="1">
            <a:gsLst>
              <a:gs pos="84000">
                <a:srgbClr val="061E00">
                  <a:lumMod val="0"/>
                </a:srgbClr>
              </a:gs>
              <a:gs pos="0">
                <a:srgbClr val="A7CCDF"/>
              </a:gs>
            </a:gsLst>
            <a:lin ang="1200000" scaled="0"/>
            <a:tileRect/>
          </a:gradFill>
          <a:ln w="1905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33" name="Freeform 132"/>
          <p:cNvSpPr/>
          <p:nvPr/>
        </p:nvSpPr>
        <p:spPr>
          <a:xfrm>
            <a:off x="2502990" y="931080"/>
            <a:ext cx="2071275" cy="3450896"/>
          </a:xfrm>
          <a:custGeom>
            <a:avLst/>
            <a:gdLst>
              <a:gd name="connsiteX0" fmla="*/ 0 w 2209800"/>
              <a:gd name="connsiteY0" fmla="*/ 144780 h 3931920"/>
              <a:gd name="connsiteX1" fmla="*/ 76200 w 2209800"/>
              <a:gd name="connsiteY1" fmla="*/ 3840480 h 3931920"/>
              <a:gd name="connsiteX2" fmla="*/ 2209800 w 2209800"/>
              <a:gd name="connsiteY2" fmla="*/ 3931920 h 3931920"/>
              <a:gd name="connsiteX3" fmla="*/ 2141220 w 2209800"/>
              <a:gd name="connsiteY3" fmla="*/ 0 h 3931920"/>
              <a:gd name="connsiteX4" fmla="*/ 0 w 2209800"/>
              <a:gd name="connsiteY4" fmla="*/ 144780 h 39319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2209800" h="3931920">
                <a:moveTo>
                  <a:pt x="0" y="144780"/>
                </a:moveTo>
                <a:lnTo>
                  <a:pt x="76200" y="3840480"/>
                </a:lnTo>
                <a:lnTo>
                  <a:pt x="2209800" y="3931920"/>
                </a:lnTo>
                <a:lnTo>
                  <a:pt x="2141220" y="0"/>
                </a:lnTo>
                <a:lnTo>
                  <a:pt x="0" y="144780"/>
                </a:lnTo>
                <a:close/>
              </a:path>
            </a:pathLst>
          </a:custGeom>
          <a:noFill/>
          <a:ln w="12700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34" name="Freeform 133"/>
          <p:cNvSpPr/>
          <p:nvPr/>
        </p:nvSpPr>
        <p:spPr>
          <a:xfrm>
            <a:off x="2849389" y="866626"/>
            <a:ext cx="1364184" cy="629417"/>
          </a:xfrm>
          <a:custGeom>
            <a:avLst/>
            <a:gdLst>
              <a:gd name="connsiteX0" fmla="*/ 0 w 1455420"/>
              <a:gd name="connsiteY0" fmla="*/ 0 h 895350"/>
              <a:gd name="connsiteX1" fmla="*/ 1455420 w 1455420"/>
              <a:gd name="connsiteY1" fmla="*/ 0 h 895350"/>
              <a:gd name="connsiteX2" fmla="*/ 720090 w 1455420"/>
              <a:gd name="connsiteY2" fmla="*/ 895350 h 895350"/>
              <a:gd name="connsiteX3" fmla="*/ 0 w 1455420"/>
              <a:gd name="connsiteY3" fmla="*/ 0 h 8953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455420" h="895350">
                <a:moveTo>
                  <a:pt x="0" y="0"/>
                </a:moveTo>
                <a:lnTo>
                  <a:pt x="1455420" y="0"/>
                </a:lnTo>
                <a:lnTo>
                  <a:pt x="720090" y="89535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64000">
                <a:srgbClr val="A7CCDF">
                  <a:lumMod val="75000"/>
                </a:srgbClr>
              </a:gs>
              <a:gs pos="100000">
                <a:srgbClr val="A7CCDF"/>
              </a:gs>
              <a:gs pos="0">
                <a:srgbClr val="A7CCDF">
                  <a:lumMod val="50000"/>
                </a:srgbClr>
              </a:gs>
            </a:gsLst>
            <a:lin ang="5400000" scaled="1"/>
            <a:tileRect/>
          </a:gradFill>
          <a:ln w="28575" cap="sq" cmpd="sng" algn="ctr">
            <a:gradFill flip="none" rotWithShape="1">
              <a:gsLst>
                <a:gs pos="0">
                  <a:srgbClr val="A7CCDF">
                    <a:lumMod val="50000"/>
                  </a:srgbClr>
                </a:gs>
                <a:gs pos="61000">
                  <a:srgbClr val="A7CCDF"/>
                </a:gs>
                <a:gs pos="95000">
                  <a:srgbClr val="A7CCDF">
                    <a:lumMod val="50000"/>
                  </a:srgbClr>
                </a:gs>
              </a:gsLst>
              <a:lin ang="5400000" scaled="1"/>
              <a:tileRect/>
            </a:gradFill>
            <a:prstDash val="solid"/>
            <a:miter lim="800000"/>
          </a:ln>
          <a:effectLst>
            <a:outerShdw blurRad="101600" dist="63500" dir="5400000" algn="t" rotWithShape="0">
              <a:prstClr val="black">
                <a:alpha val="40000"/>
              </a:prstClr>
            </a:outerShdw>
          </a:effectLst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35" name="Oval 134"/>
          <p:cNvSpPr/>
          <p:nvPr/>
        </p:nvSpPr>
        <p:spPr>
          <a:xfrm>
            <a:off x="3060090" y="879940"/>
            <a:ext cx="942787" cy="51425"/>
          </a:xfrm>
          <a:prstGeom prst="ellipse">
            <a:avLst/>
          </a:prstGeom>
          <a:gradFill>
            <a:gsLst>
              <a:gs pos="100000">
                <a:srgbClr val="FFFFFF">
                  <a:alpha val="0"/>
                </a:srgbClr>
              </a:gs>
              <a:gs pos="0">
                <a:srgbClr val="FFFFFF">
                  <a:alpha val="70000"/>
                </a:srgbClr>
              </a:gs>
            </a:gsLst>
            <a:path path="shape">
              <a:fillToRect l="50000" t="50000" r="50000" b="50000"/>
            </a:path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36" name="Oval 135"/>
          <p:cNvSpPr/>
          <p:nvPr/>
        </p:nvSpPr>
        <p:spPr>
          <a:xfrm>
            <a:off x="3302929" y="1200618"/>
            <a:ext cx="457109" cy="32140"/>
          </a:xfrm>
          <a:prstGeom prst="ellipse">
            <a:avLst/>
          </a:prstGeom>
          <a:gradFill>
            <a:gsLst>
              <a:gs pos="100000">
                <a:srgbClr val="FFFFFF">
                  <a:alpha val="0"/>
                </a:srgbClr>
              </a:gs>
              <a:gs pos="0">
                <a:srgbClr val="FFFFFF">
                  <a:alpha val="70000"/>
                </a:srgbClr>
              </a:gs>
            </a:gsLst>
            <a:path path="shape">
              <a:fillToRect l="50000" t="50000" r="50000" b="50000"/>
            </a:path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37" name="TextBox 136"/>
          <p:cNvSpPr txBox="1"/>
          <p:nvPr/>
        </p:nvSpPr>
        <p:spPr>
          <a:xfrm>
            <a:off x="3093563" y="893245"/>
            <a:ext cx="904415" cy="338554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 defTabSz="1218987"/>
            <a:r>
              <a:rPr lang="en-US" sz="1600" b="1">
                <a:solidFill>
                  <a:prstClr val="white"/>
                </a:solidFill>
                <a:effectLst>
                  <a:outerShdw blurRad="63500" dist="38100" dir="5400000" sx="101000" sy="101000" algn="t" rotWithShape="0">
                    <a:prstClr val="black">
                      <a:alpha val="30000"/>
                    </a:prstClr>
                  </a:outerShdw>
                </a:effectLst>
                <a:latin typeface="Calibri"/>
              </a:rPr>
              <a:t>Medium</a:t>
            </a:r>
            <a:endParaRPr lang="en-US" sz="1600" b="1" dirty="0">
              <a:solidFill>
                <a:prstClr val="white"/>
              </a:solidFill>
              <a:effectLst>
                <a:outerShdw blurRad="63500" dist="38100" dir="5400000" sx="101000" sy="101000" algn="t" rotWithShape="0">
                  <a:prstClr val="black">
                    <a:alpha val="30000"/>
                  </a:prstClr>
                </a:outerShdw>
              </a:effectLst>
              <a:latin typeface="Calibri"/>
            </a:endParaRPr>
          </a:p>
        </p:txBody>
      </p:sp>
      <p:sp>
        <p:nvSpPr>
          <p:cNvPr id="138" name="Freeform 137"/>
          <p:cNvSpPr/>
          <p:nvPr/>
        </p:nvSpPr>
        <p:spPr>
          <a:xfrm>
            <a:off x="3437401" y="1299380"/>
            <a:ext cx="171416" cy="84617"/>
          </a:xfrm>
          <a:custGeom>
            <a:avLst/>
            <a:gdLst>
              <a:gd name="connsiteX0" fmla="*/ 0 w 1455420"/>
              <a:gd name="connsiteY0" fmla="*/ 0 h 895350"/>
              <a:gd name="connsiteX1" fmla="*/ 1455420 w 1455420"/>
              <a:gd name="connsiteY1" fmla="*/ 0 h 895350"/>
              <a:gd name="connsiteX2" fmla="*/ 720090 w 1455420"/>
              <a:gd name="connsiteY2" fmla="*/ 895350 h 895350"/>
              <a:gd name="connsiteX3" fmla="*/ 0 w 1455420"/>
              <a:gd name="connsiteY3" fmla="*/ 0 h 8953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455420" h="895350">
                <a:moveTo>
                  <a:pt x="0" y="0"/>
                </a:moveTo>
                <a:lnTo>
                  <a:pt x="1455420" y="0"/>
                </a:lnTo>
                <a:lnTo>
                  <a:pt x="720090" y="895350"/>
                </a:lnTo>
                <a:lnTo>
                  <a:pt x="0" y="0"/>
                </a:lnTo>
                <a:close/>
              </a:path>
            </a:pathLst>
          </a:custGeom>
          <a:solidFill>
            <a:srgbClr val="FFFFFF">
              <a:alpha val="60000"/>
            </a:srgbClr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 defTabSz="1218987">
              <a:defRPr/>
            </a:pPr>
            <a:endParaRPr lang="en-US" sz="2400" kern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139" name="Oval 138"/>
          <p:cNvSpPr/>
          <p:nvPr/>
        </p:nvSpPr>
        <p:spPr>
          <a:xfrm>
            <a:off x="2328990" y="4553425"/>
            <a:ext cx="2362661" cy="177200"/>
          </a:xfrm>
          <a:prstGeom prst="ellipse">
            <a:avLst/>
          </a:prstGeom>
          <a:gradFill flip="none" rotWithShape="1">
            <a:gsLst>
              <a:gs pos="0">
                <a:sysClr val="windowText" lastClr="000000">
                  <a:lumMod val="50000"/>
                  <a:lumOff val="50000"/>
                  <a:alpha val="94000"/>
                </a:sysClr>
              </a:gs>
              <a:gs pos="100000">
                <a:sysClr val="window" lastClr="FFFFFF">
                  <a:alpha val="0"/>
                  <a:lumMod val="100000"/>
                </a:sysClr>
              </a:gs>
            </a:gsLst>
            <a:path path="shape">
              <a:fillToRect l="50000" t="50000" r="50000" b="50000"/>
            </a:path>
            <a:tileRect/>
          </a:gra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algn="ctr">
              <a:defRPr/>
            </a:pPr>
            <a:endParaRPr lang="en-US" sz="2400" kern="0">
              <a:solidFill>
                <a:sysClr val="window" lastClr="FFFFFF"/>
              </a:solidFill>
              <a:latin typeface="Calibri"/>
            </a:endParaRPr>
          </a:p>
        </p:txBody>
      </p:sp>
      <p:sp>
        <p:nvSpPr>
          <p:cNvPr id="140" name="Rectangle 139"/>
          <p:cNvSpPr/>
          <p:nvPr/>
        </p:nvSpPr>
        <p:spPr>
          <a:xfrm>
            <a:off x="2516360" y="1873608"/>
            <a:ext cx="2104117" cy="841654"/>
          </a:xfrm>
          <a:prstGeom prst="rect">
            <a:avLst/>
          </a:prstGeom>
          <a:noFill/>
          <a:ln w="12700" cap="flat" cmpd="sng" algn="ctr">
            <a:noFill/>
            <a:prstDash val="solid"/>
          </a:ln>
          <a:effectLst/>
        </p:spPr>
        <p:txBody>
          <a:bodyPr lIns="91440" tIns="0" rIns="91440" bIns="0" rtlCol="0" anchor="t"/>
          <a:lstStyle/>
          <a:p>
            <a:pPr defTabSz="1218987">
              <a:defRPr/>
            </a:pPr>
            <a:r>
              <a:rPr lang="en-US" sz="900" kern="0" dirty="0" err="1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Sqm</a:t>
            </a: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                850</a:t>
            </a: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vg. Sales/Day</a:t>
            </a: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14.4 KEUR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Clients/Day</a:t>
            </a: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2,000</a:t>
            </a:r>
          </a:p>
          <a:p>
            <a:pPr defTabSz="1218987">
              <a:defRPr/>
            </a:pP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Basket:                     7 EUR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ssortment:             10,600 SKU’s</a:t>
            </a: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ssociates:              45</a:t>
            </a: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Capex:                     &gt;800 KEUR</a:t>
            </a: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Price index KF</a:t>
            </a:r>
            <a:r>
              <a:rPr lang="en-US" sz="900" ker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 97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</p:txBody>
      </p:sp>
      <p:sp>
        <p:nvSpPr>
          <p:cNvPr id="141" name="Rectangle 140"/>
          <p:cNvSpPr/>
          <p:nvPr/>
        </p:nvSpPr>
        <p:spPr>
          <a:xfrm rot="20255314">
            <a:off x="2209800" y="1333541"/>
            <a:ext cx="1494830" cy="514990"/>
          </a:xfrm>
          <a:prstGeom prst="rect">
            <a:avLst/>
          </a:prstGeom>
          <a:noFill/>
          <a:ln w="12700" cap="flat" cmpd="sng" algn="ctr">
            <a:noFill/>
            <a:prstDash val="solid"/>
          </a:ln>
          <a:effectLst/>
        </p:spPr>
        <p:txBody>
          <a:bodyPr lIns="91440" tIns="0" rIns="91440" bIns="0" rtlCol="0" anchor="ctr"/>
          <a:lstStyle/>
          <a:p>
            <a:pPr algn="ctr" defTabSz="1218987">
              <a:defRPr/>
            </a:pPr>
            <a:r>
              <a:rPr lang="en-US" sz="1400" b="1" kern="0" smtClean="0">
                <a:cs typeface="Arial" pitchFamily="34" charset="0"/>
              </a:rPr>
              <a:t>87 </a:t>
            </a:r>
            <a:r>
              <a:rPr lang="en-US" sz="1400" b="1" kern="0" dirty="0">
                <a:cs typeface="Arial" pitchFamily="34" charset="0"/>
              </a:rPr>
              <a:t>Stores</a:t>
            </a:r>
          </a:p>
        </p:txBody>
      </p:sp>
      <p:sp>
        <p:nvSpPr>
          <p:cNvPr id="142" name="Rounded Rectangle 141"/>
          <p:cNvSpPr/>
          <p:nvPr/>
        </p:nvSpPr>
        <p:spPr>
          <a:xfrm>
            <a:off x="2573906" y="3886200"/>
            <a:ext cx="1999853" cy="438786"/>
          </a:xfrm>
          <a:prstGeom prst="roundRect">
            <a:avLst/>
          </a:prstGeom>
          <a:noFill/>
          <a:ln>
            <a:noFill/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3945"/>
            <a:r>
              <a:rPr lang="en-US" sz="1400" b="1" i="1" dirty="0">
                <a:solidFill>
                  <a:schemeClr val="tx1"/>
                </a:solidFill>
              </a:rPr>
              <a:t>Increased Shopping Experience</a:t>
            </a:r>
          </a:p>
        </p:txBody>
      </p:sp>
      <p:sp>
        <p:nvSpPr>
          <p:cNvPr id="143" name="TextBox 142"/>
          <p:cNvSpPr txBox="1"/>
          <p:nvPr/>
        </p:nvSpPr>
        <p:spPr>
          <a:xfrm>
            <a:off x="3583160" y="1428750"/>
            <a:ext cx="959905" cy="400110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defTabSz="913945"/>
            <a:r>
              <a:rPr lang="en-US" sz="1000" i="1" dirty="0">
                <a:solidFill>
                  <a:srgbClr val="414141"/>
                </a:solidFill>
              </a:rPr>
              <a:t>Urban Center</a:t>
            </a:r>
          </a:p>
          <a:p>
            <a:pPr defTabSz="913945"/>
            <a:r>
              <a:rPr lang="en-US" sz="1000" i="1" dirty="0">
                <a:solidFill>
                  <a:srgbClr val="414141"/>
                </a:solidFill>
              </a:rPr>
              <a:t>   +100 .000</a:t>
            </a:r>
          </a:p>
        </p:txBody>
      </p:sp>
      <p:pic>
        <p:nvPicPr>
          <p:cNvPr id="90139" name="Picture 27" descr="\\eu901184-buc\buc_department$\Marketing\Marketing - Comunicare\Marketing\Buget 2016\Plan activitati 2016\Prezentare 28.03\Poze in-store\FFS_Baneasa.jpg"/>
          <p:cNvPicPr>
            <a:picLocks noChangeAspect="1" noChangeArrowheads="1"/>
          </p:cNvPicPr>
          <p:nvPr/>
        </p:nvPicPr>
        <p:blipFill>
          <a:blip r:embed="rId9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34234" y="2957582"/>
            <a:ext cx="1955594" cy="8744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90142" name="Picture 30" descr="\\eu901184-buc\buc_department$\Marketing\Marketing - Comunicare\Marketing\Buget 2016\Plan activitati 2016\Prezentare 28.03\Poze in-store\Format mai mic de magazin.jpg"/>
          <p:cNvPicPr>
            <a:picLocks noChangeAspect="1" noChangeArrowheads="1"/>
          </p:cNvPicPr>
          <p:nvPr/>
        </p:nvPicPr>
        <p:blipFill rotWithShape="1">
          <a:blip r:embed="rId10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-870" t="11476" r="28698" b="24419"/>
          <a:stretch/>
        </p:blipFill>
        <p:spPr bwMode="auto">
          <a:xfrm>
            <a:off x="7003253" y="2957582"/>
            <a:ext cx="1999853" cy="93084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2" name="Title 1"/>
          <p:cNvSpPr>
            <a:spLocks noGrp="1"/>
          </p:cNvSpPr>
          <p:nvPr>
            <p:ph type="title" idx="4294967295"/>
          </p:nvPr>
        </p:nvSpPr>
        <p:spPr>
          <a:xfrm>
            <a:off x="674936" y="-10344"/>
            <a:ext cx="8672264" cy="387534"/>
          </a:xfrm>
        </p:spPr>
        <p:txBody>
          <a:bodyPr/>
          <a:lstStyle/>
          <a:p>
            <a:pPr>
              <a:defRPr/>
            </a:pPr>
            <a:r>
              <a:rPr lang="en-US" sz="2400" b="1" dirty="0" smtClean="0"/>
              <a:t>Mega Image Stores Formats</a:t>
            </a:r>
          </a:p>
        </p:txBody>
      </p:sp>
      <p:pic>
        <p:nvPicPr>
          <p:cNvPr id="64" name="Picture 63"/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573905" y="2962264"/>
            <a:ext cx="1969158" cy="869780"/>
          </a:xfrm>
          <a:prstGeom prst="rect">
            <a:avLst/>
          </a:prstGeom>
        </p:spPr>
      </p:pic>
      <p:pic>
        <p:nvPicPr>
          <p:cNvPr id="65" name="Picture 29"/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636996563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47" y="-1682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7" name="TextBox 136"/>
          <p:cNvSpPr txBox="1"/>
          <p:nvPr/>
        </p:nvSpPr>
        <p:spPr>
          <a:xfrm>
            <a:off x="2397027" y="4400550"/>
            <a:ext cx="1999853" cy="400110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algn="ctr" defTabSz="913945"/>
            <a:r>
              <a:rPr lang="en-US" sz="1000" i="1" kern="0" smtClean="0">
                <a:solidFill>
                  <a:prstClr val="black"/>
                </a:solidFill>
                <a:cs typeface="Arial" pitchFamily="34" charset="0"/>
              </a:rPr>
              <a:t>Proximity layout</a:t>
            </a:r>
          </a:p>
          <a:p>
            <a:pPr algn="ctr" defTabSz="913945"/>
            <a:endParaRPr lang="en-US" sz="1000" i="1" kern="0">
              <a:solidFill>
                <a:prstClr val="black"/>
              </a:solidFill>
              <a:cs typeface="Arial" pitchFamily="34" charset="0"/>
            </a:endParaRPr>
          </a:p>
        </p:txBody>
      </p:sp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750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29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grpSp>
        <p:nvGrpSpPr>
          <p:cNvPr id="2" name="Group 1"/>
          <p:cNvGrpSpPr/>
          <p:nvPr/>
        </p:nvGrpSpPr>
        <p:grpSpPr>
          <a:xfrm>
            <a:off x="2140828" y="857250"/>
            <a:ext cx="4604898" cy="3974982"/>
            <a:chOff x="2317799" y="1066800"/>
            <a:chExt cx="4604898" cy="5299965"/>
          </a:xfrm>
        </p:grpSpPr>
        <p:sp>
          <p:nvSpPr>
            <p:cNvPr id="78" name="Oval 77"/>
            <p:cNvSpPr/>
            <p:nvPr/>
          </p:nvSpPr>
          <p:spPr>
            <a:xfrm>
              <a:off x="2338733" y="6130499"/>
              <a:ext cx="2362661" cy="236266"/>
            </a:xfrm>
            <a:prstGeom prst="ellipse">
              <a:avLst/>
            </a:prstGeom>
            <a:gradFill flip="none" rotWithShape="1">
              <a:gsLst>
                <a:gs pos="0">
                  <a:sysClr val="windowText" lastClr="000000">
                    <a:lumMod val="50000"/>
                    <a:lumOff val="50000"/>
                    <a:alpha val="94000"/>
                  </a:sysClr>
                </a:gs>
                <a:gs pos="100000">
                  <a:sysClr val="window" lastClr="FFFFFF">
                    <a:alpha val="0"/>
                    <a:lumMod val="100000"/>
                  </a:sysClr>
                </a:gs>
              </a:gsLst>
              <a:path path="shape">
                <a:fillToRect l="50000" t="50000" r="50000" b="50000"/>
              </a:path>
              <a:tileRect/>
            </a:gra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>
                <a:defRPr/>
              </a:pPr>
              <a:endParaRPr lang="en-US" sz="2400" kern="0">
                <a:solidFill>
                  <a:sysClr val="window" lastClr="FFFFFF"/>
                </a:solidFill>
                <a:latin typeface="Calibri"/>
              </a:endParaRPr>
            </a:p>
          </p:txBody>
        </p:sp>
        <p:sp>
          <p:nvSpPr>
            <p:cNvPr id="69" name="Freeform 68"/>
            <p:cNvSpPr/>
            <p:nvPr/>
          </p:nvSpPr>
          <p:spPr>
            <a:xfrm>
              <a:off x="4107257" y="1066800"/>
              <a:ext cx="201771" cy="158917"/>
            </a:xfrm>
            <a:custGeom>
              <a:avLst/>
              <a:gdLst>
                <a:gd name="connsiteX0" fmla="*/ 163830 w 213360"/>
                <a:gd name="connsiteY0" fmla="*/ 0 h 152400"/>
                <a:gd name="connsiteX1" fmla="*/ 213360 w 213360"/>
                <a:gd name="connsiteY1" fmla="*/ 137160 h 152400"/>
                <a:gd name="connsiteX2" fmla="*/ 0 w 213360"/>
                <a:gd name="connsiteY2" fmla="*/ 152400 h 152400"/>
                <a:gd name="connsiteX3" fmla="*/ 163830 w 213360"/>
                <a:gd name="connsiteY3" fmla="*/ 0 h 152400"/>
                <a:gd name="connsiteX0" fmla="*/ 163830 w 222885"/>
                <a:gd name="connsiteY0" fmla="*/ 0 h 160020"/>
                <a:gd name="connsiteX1" fmla="*/ 222885 w 222885"/>
                <a:gd name="connsiteY1" fmla="*/ 160020 h 160020"/>
                <a:gd name="connsiteX2" fmla="*/ 0 w 222885"/>
                <a:gd name="connsiteY2" fmla="*/ 152400 h 160020"/>
                <a:gd name="connsiteX3" fmla="*/ 163830 w 222885"/>
                <a:gd name="connsiteY3" fmla="*/ 0 h 160020"/>
                <a:gd name="connsiteX0" fmla="*/ 171450 w 230505"/>
                <a:gd name="connsiteY0" fmla="*/ 0 h 163830"/>
                <a:gd name="connsiteX1" fmla="*/ 230505 w 230505"/>
                <a:gd name="connsiteY1" fmla="*/ 160020 h 163830"/>
                <a:gd name="connsiteX2" fmla="*/ 0 w 230505"/>
                <a:gd name="connsiteY2" fmla="*/ 163830 h 163830"/>
                <a:gd name="connsiteX3" fmla="*/ 171450 w 230505"/>
                <a:gd name="connsiteY3" fmla="*/ 0 h 163830"/>
                <a:gd name="connsiteX0" fmla="*/ 156210 w 215265"/>
                <a:gd name="connsiteY0" fmla="*/ 0 h 167640"/>
                <a:gd name="connsiteX1" fmla="*/ 215265 w 215265"/>
                <a:gd name="connsiteY1" fmla="*/ 160020 h 167640"/>
                <a:gd name="connsiteX2" fmla="*/ 0 w 215265"/>
                <a:gd name="connsiteY2" fmla="*/ 167640 h 167640"/>
                <a:gd name="connsiteX3" fmla="*/ 156210 w 215265"/>
                <a:gd name="connsiteY3" fmla="*/ 0 h 167640"/>
                <a:gd name="connsiteX0" fmla="*/ 169545 w 215265"/>
                <a:gd name="connsiteY0" fmla="*/ 0 h 131445"/>
                <a:gd name="connsiteX1" fmla="*/ 215265 w 215265"/>
                <a:gd name="connsiteY1" fmla="*/ 123825 h 131445"/>
                <a:gd name="connsiteX2" fmla="*/ 0 w 215265"/>
                <a:gd name="connsiteY2" fmla="*/ 131445 h 131445"/>
                <a:gd name="connsiteX3" fmla="*/ 169545 w 215265"/>
                <a:gd name="connsiteY3" fmla="*/ 0 h 131445"/>
                <a:gd name="connsiteX0" fmla="*/ 154305 w 215265"/>
                <a:gd name="connsiteY0" fmla="*/ 0 h 169545"/>
                <a:gd name="connsiteX1" fmla="*/ 215265 w 215265"/>
                <a:gd name="connsiteY1" fmla="*/ 161925 h 169545"/>
                <a:gd name="connsiteX2" fmla="*/ 0 w 215265"/>
                <a:gd name="connsiteY2" fmla="*/ 169545 h 169545"/>
                <a:gd name="connsiteX3" fmla="*/ 154305 w 215265"/>
                <a:gd name="connsiteY3" fmla="*/ 0 h 16954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15265" h="169545">
                  <a:moveTo>
                    <a:pt x="154305" y="0"/>
                  </a:moveTo>
                  <a:lnTo>
                    <a:pt x="215265" y="161925"/>
                  </a:lnTo>
                  <a:lnTo>
                    <a:pt x="0" y="169545"/>
                  </a:lnTo>
                  <a:lnTo>
                    <a:pt x="154305" y="0"/>
                  </a:lnTo>
                  <a:close/>
                </a:path>
              </a:pathLst>
            </a:custGeom>
            <a:gradFill flip="none" rotWithShape="1">
              <a:gsLst>
                <a:gs pos="0">
                  <a:srgbClr val="6BC2ED"/>
                </a:gs>
                <a:gs pos="100000">
                  <a:srgbClr val="000000"/>
                </a:gs>
              </a:gsLst>
              <a:lin ang="10800000" scaled="1"/>
              <a:tileRect/>
            </a:gradFill>
            <a:ln w="1905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70" name="Freeform 69"/>
            <p:cNvSpPr/>
            <p:nvPr/>
          </p:nvSpPr>
          <p:spPr>
            <a:xfrm>
              <a:off x="2734144" y="1068585"/>
              <a:ext cx="307120" cy="257124"/>
            </a:xfrm>
            <a:custGeom>
              <a:avLst/>
              <a:gdLst>
                <a:gd name="connsiteX0" fmla="*/ 102870 w 327660"/>
                <a:gd name="connsiteY0" fmla="*/ 0 h 270510"/>
                <a:gd name="connsiteX1" fmla="*/ 0 w 327660"/>
                <a:gd name="connsiteY1" fmla="*/ 270510 h 270510"/>
                <a:gd name="connsiteX2" fmla="*/ 327660 w 327660"/>
                <a:gd name="connsiteY2" fmla="*/ 240030 h 270510"/>
                <a:gd name="connsiteX3" fmla="*/ 102870 w 327660"/>
                <a:gd name="connsiteY3" fmla="*/ 0 h 270510"/>
                <a:gd name="connsiteX0" fmla="*/ 106680 w 327660"/>
                <a:gd name="connsiteY0" fmla="*/ 0 h 274320"/>
                <a:gd name="connsiteX1" fmla="*/ 0 w 327660"/>
                <a:gd name="connsiteY1" fmla="*/ 274320 h 274320"/>
                <a:gd name="connsiteX2" fmla="*/ 327660 w 327660"/>
                <a:gd name="connsiteY2" fmla="*/ 243840 h 274320"/>
                <a:gd name="connsiteX3" fmla="*/ 106680 w 327660"/>
                <a:gd name="connsiteY3" fmla="*/ 0 h 274320"/>
                <a:gd name="connsiteX0" fmla="*/ 106680 w 327660"/>
                <a:gd name="connsiteY0" fmla="*/ 0 h 274320"/>
                <a:gd name="connsiteX1" fmla="*/ 0 w 327660"/>
                <a:gd name="connsiteY1" fmla="*/ 274320 h 274320"/>
                <a:gd name="connsiteX2" fmla="*/ 327660 w 327660"/>
                <a:gd name="connsiteY2" fmla="*/ 243840 h 274320"/>
                <a:gd name="connsiteX3" fmla="*/ 173355 w 327660"/>
                <a:gd name="connsiteY3" fmla="*/ 0 h 274320"/>
                <a:gd name="connsiteX4" fmla="*/ 106680 w 327660"/>
                <a:gd name="connsiteY4" fmla="*/ 0 h 27432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327660" h="274320">
                  <a:moveTo>
                    <a:pt x="106680" y="0"/>
                  </a:moveTo>
                  <a:lnTo>
                    <a:pt x="0" y="274320"/>
                  </a:lnTo>
                  <a:lnTo>
                    <a:pt x="327660" y="243840"/>
                  </a:lnTo>
                  <a:cubicBezTo>
                    <a:pt x="268605" y="179070"/>
                    <a:pt x="232410" y="64770"/>
                    <a:pt x="173355" y="0"/>
                  </a:cubicBezTo>
                  <a:lnTo>
                    <a:pt x="106680" y="0"/>
                  </a:lnTo>
                  <a:close/>
                </a:path>
              </a:pathLst>
            </a:custGeom>
            <a:gradFill flip="none" rotWithShape="1">
              <a:gsLst>
                <a:gs pos="0">
                  <a:srgbClr val="6BC2ED"/>
                </a:gs>
                <a:gs pos="100000">
                  <a:srgbClr val="000000"/>
                </a:gs>
              </a:gsLst>
              <a:lin ang="0" scaled="1"/>
              <a:tileRect/>
            </a:gradFill>
            <a:ln w="1905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71" name="Freeform 70"/>
            <p:cNvSpPr/>
            <p:nvPr/>
          </p:nvSpPr>
          <p:spPr>
            <a:xfrm>
              <a:off x="2512733" y="1165239"/>
              <a:ext cx="2071275" cy="4601194"/>
            </a:xfrm>
            <a:custGeom>
              <a:avLst/>
              <a:gdLst>
                <a:gd name="connsiteX0" fmla="*/ 0 w 2209800"/>
                <a:gd name="connsiteY0" fmla="*/ 144780 h 3931920"/>
                <a:gd name="connsiteX1" fmla="*/ 76200 w 2209800"/>
                <a:gd name="connsiteY1" fmla="*/ 3840480 h 3931920"/>
                <a:gd name="connsiteX2" fmla="*/ 2209800 w 2209800"/>
                <a:gd name="connsiteY2" fmla="*/ 3931920 h 3931920"/>
                <a:gd name="connsiteX3" fmla="*/ 2141220 w 2209800"/>
                <a:gd name="connsiteY3" fmla="*/ 0 h 3931920"/>
                <a:gd name="connsiteX4" fmla="*/ 0 w 2209800"/>
                <a:gd name="connsiteY4" fmla="*/ 144780 h 393192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209800" h="3931920">
                  <a:moveTo>
                    <a:pt x="0" y="144780"/>
                  </a:moveTo>
                  <a:lnTo>
                    <a:pt x="76200" y="3840480"/>
                  </a:lnTo>
                  <a:lnTo>
                    <a:pt x="2209800" y="3931920"/>
                  </a:lnTo>
                  <a:lnTo>
                    <a:pt x="2141220" y="0"/>
                  </a:lnTo>
                  <a:lnTo>
                    <a:pt x="0" y="144780"/>
                  </a:lnTo>
                  <a:close/>
                </a:path>
              </a:pathLst>
            </a:custGeom>
            <a:noFill/>
            <a:ln w="12700" cap="flat" cmpd="sng" algn="ctr">
              <a:solidFill>
                <a:schemeClr val="tx1">
                  <a:lumMod val="50000"/>
                  <a:lumOff val="50000"/>
                </a:schemeClr>
              </a:solidFill>
              <a:prstDash val="solid"/>
            </a:ln>
            <a:effec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73" name="Freeform 72"/>
            <p:cNvSpPr/>
            <p:nvPr/>
          </p:nvSpPr>
          <p:spPr>
            <a:xfrm>
              <a:off x="2859135" y="1079299"/>
              <a:ext cx="1364184" cy="839223"/>
            </a:xfrm>
            <a:custGeom>
              <a:avLst/>
              <a:gdLst>
                <a:gd name="connsiteX0" fmla="*/ 0 w 1455420"/>
                <a:gd name="connsiteY0" fmla="*/ 0 h 895350"/>
                <a:gd name="connsiteX1" fmla="*/ 1455420 w 1455420"/>
                <a:gd name="connsiteY1" fmla="*/ 0 h 895350"/>
                <a:gd name="connsiteX2" fmla="*/ 720090 w 1455420"/>
                <a:gd name="connsiteY2" fmla="*/ 895350 h 895350"/>
                <a:gd name="connsiteX3" fmla="*/ 0 w 1455420"/>
                <a:gd name="connsiteY3" fmla="*/ 0 h 8953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455420" h="895350">
                  <a:moveTo>
                    <a:pt x="0" y="0"/>
                  </a:moveTo>
                  <a:lnTo>
                    <a:pt x="1455420" y="0"/>
                  </a:lnTo>
                  <a:lnTo>
                    <a:pt x="720090" y="895350"/>
                  </a:lnTo>
                  <a:lnTo>
                    <a:pt x="0" y="0"/>
                  </a:lnTo>
                  <a:close/>
                </a:path>
              </a:pathLst>
            </a:custGeom>
            <a:gradFill flip="none" rotWithShape="1">
              <a:gsLst>
                <a:gs pos="64000">
                  <a:srgbClr val="6BC2ED"/>
                </a:gs>
                <a:gs pos="100000">
                  <a:srgbClr val="6BC2ED">
                    <a:lumMod val="75000"/>
                  </a:srgbClr>
                </a:gs>
                <a:gs pos="0">
                  <a:srgbClr val="6BC2ED">
                    <a:lumMod val="50000"/>
                  </a:srgbClr>
                </a:gs>
              </a:gsLst>
              <a:lin ang="5400000" scaled="1"/>
              <a:tileRect/>
            </a:gradFill>
            <a:ln w="28575" cap="sq" cmpd="sng" algn="ctr">
              <a:gradFill flip="none" rotWithShape="1">
                <a:gsLst>
                  <a:gs pos="0">
                    <a:srgbClr val="6BC2ED">
                      <a:lumMod val="50000"/>
                    </a:srgbClr>
                  </a:gs>
                  <a:gs pos="61000">
                    <a:srgbClr val="6BC2ED"/>
                  </a:gs>
                  <a:gs pos="100000">
                    <a:srgbClr val="6BC2ED">
                      <a:lumMod val="50000"/>
                    </a:srgbClr>
                  </a:gs>
                </a:gsLst>
                <a:lin ang="5400000" scaled="1"/>
                <a:tileRect/>
              </a:gradFill>
              <a:prstDash val="solid"/>
              <a:miter lim="800000"/>
            </a:ln>
            <a:effectLst>
              <a:outerShdw blurRad="101600" dist="63500" dir="5400000" algn="t" rotWithShape="0">
                <a:prstClr val="black">
                  <a:alpha val="40000"/>
                </a:prstClr>
              </a:outerShdw>
            </a:effectLst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74" name="Oval 73"/>
            <p:cNvSpPr/>
            <p:nvPr/>
          </p:nvSpPr>
          <p:spPr>
            <a:xfrm>
              <a:off x="3069834" y="1097052"/>
              <a:ext cx="942787" cy="68566"/>
            </a:xfrm>
            <a:prstGeom prst="ellipse">
              <a:avLst/>
            </a:prstGeom>
            <a:gradFill>
              <a:gsLst>
                <a:gs pos="100000">
                  <a:srgbClr val="FFFFFF">
                    <a:alpha val="0"/>
                  </a:srgbClr>
                </a:gs>
                <a:gs pos="0">
                  <a:srgbClr val="FFFFFF">
                    <a:alpha val="70000"/>
                  </a:srgbClr>
                </a:gs>
              </a:gsLst>
              <a:path path="shape">
                <a:fillToRect l="50000" t="50000" r="50000" b="50000"/>
              </a:path>
            </a:gra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75" name="Oval 74"/>
            <p:cNvSpPr/>
            <p:nvPr/>
          </p:nvSpPr>
          <p:spPr>
            <a:xfrm>
              <a:off x="3312674" y="1524623"/>
              <a:ext cx="457109" cy="42853"/>
            </a:xfrm>
            <a:prstGeom prst="ellipse">
              <a:avLst/>
            </a:prstGeom>
            <a:gradFill>
              <a:gsLst>
                <a:gs pos="100000">
                  <a:srgbClr val="FFFFFF">
                    <a:alpha val="0"/>
                  </a:srgbClr>
                </a:gs>
                <a:gs pos="0">
                  <a:srgbClr val="FFFFFF">
                    <a:alpha val="70000"/>
                  </a:srgbClr>
                </a:gs>
              </a:gsLst>
              <a:path path="shape">
                <a:fillToRect l="50000" t="50000" r="50000" b="50000"/>
              </a:path>
            </a:gra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76" name="TextBox 75"/>
            <p:cNvSpPr txBox="1"/>
            <p:nvPr/>
          </p:nvSpPr>
          <p:spPr>
            <a:xfrm>
              <a:off x="3055216" y="1114793"/>
              <a:ext cx="1000594" cy="451404"/>
            </a:xfrm>
            <a:prstGeom prst="rect">
              <a:avLst/>
            </a:prstGeom>
            <a:noFill/>
          </p:spPr>
          <p:txBody>
            <a:bodyPr wrap="none" rtlCol="0" anchor="ctr">
              <a:spAutoFit/>
            </a:bodyPr>
            <a:lstStyle/>
            <a:p>
              <a:pPr algn="ctr" defTabSz="1218987"/>
              <a:r>
                <a:rPr lang="en-US" sz="1600" b="1" smtClean="0">
                  <a:solidFill>
                    <a:prstClr val="white"/>
                  </a:solidFill>
                  <a:effectLst>
                    <a:outerShdw blurRad="63500" dist="38100" dir="5400000" sx="101000" sy="101000" algn="t" rotWithShape="0">
                      <a:prstClr val="black">
                        <a:alpha val="30000"/>
                      </a:prstClr>
                    </a:outerShdw>
                  </a:effectLst>
                  <a:latin typeface="Calibri"/>
                </a:rPr>
                <a:t>Shop&amp;Go</a:t>
              </a:r>
              <a:endParaRPr lang="en-US" sz="1600" b="1" dirty="0">
                <a:solidFill>
                  <a:prstClr val="white"/>
                </a:solidFill>
                <a:effectLst>
                  <a:outerShdw blurRad="63500" dist="38100" dir="5400000" sx="101000" sy="101000" algn="t" rotWithShape="0">
                    <a:prstClr val="black">
                      <a:alpha val="30000"/>
                    </a:prstClr>
                  </a:outerShdw>
                </a:effectLst>
                <a:latin typeface="Calibri"/>
              </a:endParaRPr>
            </a:p>
          </p:txBody>
        </p:sp>
        <p:sp>
          <p:nvSpPr>
            <p:cNvPr id="77" name="Freeform 76"/>
            <p:cNvSpPr/>
            <p:nvPr/>
          </p:nvSpPr>
          <p:spPr>
            <a:xfrm>
              <a:off x="3447147" y="1656304"/>
              <a:ext cx="171416" cy="112823"/>
            </a:xfrm>
            <a:custGeom>
              <a:avLst/>
              <a:gdLst>
                <a:gd name="connsiteX0" fmla="*/ 0 w 1455420"/>
                <a:gd name="connsiteY0" fmla="*/ 0 h 895350"/>
                <a:gd name="connsiteX1" fmla="*/ 1455420 w 1455420"/>
                <a:gd name="connsiteY1" fmla="*/ 0 h 895350"/>
                <a:gd name="connsiteX2" fmla="*/ 720090 w 1455420"/>
                <a:gd name="connsiteY2" fmla="*/ 895350 h 895350"/>
                <a:gd name="connsiteX3" fmla="*/ 0 w 1455420"/>
                <a:gd name="connsiteY3" fmla="*/ 0 h 8953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455420" h="895350">
                  <a:moveTo>
                    <a:pt x="0" y="0"/>
                  </a:moveTo>
                  <a:lnTo>
                    <a:pt x="1455420" y="0"/>
                  </a:lnTo>
                  <a:lnTo>
                    <a:pt x="720090" y="89535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>
                <a:alpha val="60000"/>
              </a:srgbClr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80" name="Freeform 79"/>
            <p:cNvSpPr/>
            <p:nvPr/>
          </p:nvSpPr>
          <p:spPr>
            <a:xfrm>
              <a:off x="6328560" y="1066800"/>
              <a:ext cx="201771" cy="158917"/>
            </a:xfrm>
            <a:custGeom>
              <a:avLst/>
              <a:gdLst>
                <a:gd name="connsiteX0" fmla="*/ 163830 w 213360"/>
                <a:gd name="connsiteY0" fmla="*/ 0 h 152400"/>
                <a:gd name="connsiteX1" fmla="*/ 213360 w 213360"/>
                <a:gd name="connsiteY1" fmla="*/ 137160 h 152400"/>
                <a:gd name="connsiteX2" fmla="*/ 0 w 213360"/>
                <a:gd name="connsiteY2" fmla="*/ 152400 h 152400"/>
                <a:gd name="connsiteX3" fmla="*/ 163830 w 213360"/>
                <a:gd name="connsiteY3" fmla="*/ 0 h 152400"/>
                <a:gd name="connsiteX0" fmla="*/ 163830 w 222885"/>
                <a:gd name="connsiteY0" fmla="*/ 0 h 160020"/>
                <a:gd name="connsiteX1" fmla="*/ 222885 w 222885"/>
                <a:gd name="connsiteY1" fmla="*/ 160020 h 160020"/>
                <a:gd name="connsiteX2" fmla="*/ 0 w 222885"/>
                <a:gd name="connsiteY2" fmla="*/ 152400 h 160020"/>
                <a:gd name="connsiteX3" fmla="*/ 163830 w 222885"/>
                <a:gd name="connsiteY3" fmla="*/ 0 h 160020"/>
                <a:gd name="connsiteX0" fmla="*/ 171450 w 230505"/>
                <a:gd name="connsiteY0" fmla="*/ 0 h 163830"/>
                <a:gd name="connsiteX1" fmla="*/ 230505 w 230505"/>
                <a:gd name="connsiteY1" fmla="*/ 160020 h 163830"/>
                <a:gd name="connsiteX2" fmla="*/ 0 w 230505"/>
                <a:gd name="connsiteY2" fmla="*/ 163830 h 163830"/>
                <a:gd name="connsiteX3" fmla="*/ 171450 w 230505"/>
                <a:gd name="connsiteY3" fmla="*/ 0 h 163830"/>
                <a:gd name="connsiteX0" fmla="*/ 156210 w 215265"/>
                <a:gd name="connsiteY0" fmla="*/ 0 h 167640"/>
                <a:gd name="connsiteX1" fmla="*/ 215265 w 215265"/>
                <a:gd name="connsiteY1" fmla="*/ 160020 h 167640"/>
                <a:gd name="connsiteX2" fmla="*/ 0 w 215265"/>
                <a:gd name="connsiteY2" fmla="*/ 167640 h 167640"/>
                <a:gd name="connsiteX3" fmla="*/ 156210 w 215265"/>
                <a:gd name="connsiteY3" fmla="*/ 0 h 167640"/>
                <a:gd name="connsiteX0" fmla="*/ 169545 w 215265"/>
                <a:gd name="connsiteY0" fmla="*/ 0 h 131445"/>
                <a:gd name="connsiteX1" fmla="*/ 215265 w 215265"/>
                <a:gd name="connsiteY1" fmla="*/ 123825 h 131445"/>
                <a:gd name="connsiteX2" fmla="*/ 0 w 215265"/>
                <a:gd name="connsiteY2" fmla="*/ 131445 h 131445"/>
                <a:gd name="connsiteX3" fmla="*/ 169545 w 215265"/>
                <a:gd name="connsiteY3" fmla="*/ 0 h 131445"/>
                <a:gd name="connsiteX0" fmla="*/ 154305 w 215265"/>
                <a:gd name="connsiteY0" fmla="*/ 0 h 169545"/>
                <a:gd name="connsiteX1" fmla="*/ 215265 w 215265"/>
                <a:gd name="connsiteY1" fmla="*/ 161925 h 169545"/>
                <a:gd name="connsiteX2" fmla="*/ 0 w 215265"/>
                <a:gd name="connsiteY2" fmla="*/ 169545 h 169545"/>
                <a:gd name="connsiteX3" fmla="*/ 154305 w 215265"/>
                <a:gd name="connsiteY3" fmla="*/ 0 h 16954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215265" h="169545">
                  <a:moveTo>
                    <a:pt x="154305" y="0"/>
                  </a:moveTo>
                  <a:lnTo>
                    <a:pt x="215265" y="161925"/>
                  </a:lnTo>
                  <a:lnTo>
                    <a:pt x="0" y="169545"/>
                  </a:lnTo>
                  <a:lnTo>
                    <a:pt x="154305" y="0"/>
                  </a:lnTo>
                  <a:close/>
                </a:path>
              </a:pathLst>
            </a:custGeom>
            <a:gradFill flip="none" rotWithShape="1">
              <a:gsLst>
                <a:gs pos="100000">
                  <a:srgbClr val="019ADD"/>
                </a:gs>
                <a:gs pos="0">
                  <a:srgbClr val="000000"/>
                </a:gs>
              </a:gsLst>
              <a:lin ang="0" scaled="1"/>
              <a:tileRect/>
            </a:gradFill>
            <a:ln w="1905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81" name="Freeform 80"/>
            <p:cNvSpPr/>
            <p:nvPr/>
          </p:nvSpPr>
          <p:spPr>
            <a:xfrm>
              <a:off x="4955447" y="1068585"/>
              <a:ext cx="307120" cy="257124"/>
            </a:xfrm>
            <a:custGeom>
              <a:avLst/>
              <a:gdLst>
                <a:gd name="connsiteX0" fmla="*/ 102870 w 327660"/>
                <a:gd name="connsiteY0" fmla="*/ 0 h 270510"/>
                <a:gd name="connsiteX1" fmla="*/ 0 w 327660"/>
                <a:gd name="connsiteY1" fmla="*/ 270510 h 270510"/>
                <a:gd name="connsiteX2" fmla="*/ 327660 w 327660"/>
                <a:gd name="connsiteY2" fmla="*/ 240030 h 270510"/>
                <a:gd name="connsiteX3" fmla="*/ 102870 w 327660"/>
                <a:gd name="connsiteY3" fmla="*/ 0 h 270510"/>
                <a:gd name="connsiteX0" fmla="*/ 106680 w 327660"/>
                <a:gd name="connsiteY0" fmla="*/ 0 h 274320"/>
                <a:gd name="connsiteX1" fmla="*/ 0 w 327660"/>
                <a:gd name="connsiteY1" fmla="*/ 274320 h 274320"/>
                <a:gd name="connsiteX2" fmla="*/ 327660 w 327660"/>
                <a:gd name="connsiteY2" fmla="*/ 243840 h 274320"/>
                <a:gd name="connsiteX3" fmla="*/ 106680 w 327660"/>
                <a:gd name="connsiteY3" fmla="*/ 0 h 274320"/>
                <a:gd name="connsiteX0" fmla="*/ 106680 w 327660"/>
                <a:gd name="connsiteY0" fmla="*/ 0 h 274320"/>
                <a:gd name="connsiteX1" fmla="*/ 0 w 327660"/>
                <a:gd name="connsiteY1" fmla="*/ 274320 h 274320"/>
                <a:gd name="connsiteX2" fmla="*/ 327660 w 327660"/>
                <a:gd name="connsiteY2" fmla="*/ 243840 h 274320"/>
                <a:gd name="connsiteX3" fmla="*/ 173355 w 327660"/>
                <a:gd name="connsiteY3" fmla="*/ 0 h 274320"/>
                <a:gd name="connsiteX4" fmla="*/ 106680 w 327660"/>
                <a:gd name="connsiteY4" fmla="*/ 0 h 27432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327660" h="274320">
                  <a:moveTo>
                    <a:pt x="106680" y="0"/>
                  </a:moveTo>
                  <a:lnTo>
                    <a:pt x="0" y="274320"/>
                  </a:lnTo>
                  <a:lnTo>
                    <a:pt x="327660" y="243840"/>
                  </a:lnTo>
                  <a:cubicBezTo>
                    <a:pt x="268605" y="179070"/>
                    <a:pt x="232410" y="64770"/>
                    <a:pt x="173355" y="0"/>
                  </a:cubicBezTo>
                  <a:lnTo>
                    <a:pt x="106680" y="0"/>
                  </a:lnTo>
                  <a:close/>
                </a:path>
              </a:pathLst>
            </a:custGeom>
            <a:gradFill flip="none" rotWithShape="1">
              <a:gsLst>
                <a:gs pos="0">
                  <a:srgbClr val="019ADD"/>
                </a:gs>
                <a:gs pos="100000">
                  <a:srgbClr val="000000"/>
                </a:gs>
              </a:gsLst>
              <a:lin ang="0" scaled="1"/>
              <a:tileRect/>
            </a:gradFill>
            <a:ln w="1905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82" name="Freeform 81"/>
            <p:cNvSpPr/>
            <p:nvPr/>
          </p:nvSpPr>
          <p:spPr>
            <a:xfrm>
              <a:off x="4734036" y="1165239"/>
              <a:ext cx="2071275" cy="4601194"/>
            </a:xfrm>
            <a:custGeom>
              <a:avLst/>
              <a:gdLst>
                <a:gd name="connsiteX0" fmla="*/ 0 w 2209800"/>
                <a:gd name="connsiteY0" fmla="*/ 144780 h 3931920"/>
                <a:gd name="connsiteX1" fmla="*/ 76200 w 2209800"/>
                <a:gd name="connsiteY1" fmla="*/ 3840480 h 3931920"/>
                <a:gd name="connsiteX2" fmla="*/ 2209800 w 2209800"/>
                <a:gd name="connsiteY2" fmla="*/ 3931920 h 3931920"/>
                <a:gd name="connsiteX3" fmla="*/ 2141220 w 2209800"/>
                <a:gd name="connsiteY3" fmla="*/ 0 h 3931920"/>
                <a:gd name="connsiteX4" fmla="*/ 0 w 2209800"/>
                <a:gd name="connsiteY4" fmla="*/ 144780 h 393192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209800" h="3931920">
                  <a:moveTo>
                    <a:pt x="0" y="144780"/>
                  </a:moveTo>
                  <a:lnTo>
                    <a:pt x="76200" y="3840480"/>
                  </a:lnTo>
                  <a:lnTo>
                    <a:pt x="2209800" y="3931920"/>
                  </a:lnTo>
                  <a:lnTo>
                    <a:pt x="2141220" y="0"/>
                  </a:lnTo>
                  <a:lnTo>
                    <a:pt x="0" y="144780"/>
                  </a:lnTo>
                  <a:close/>
                </a:path>
              </a:pathLst>
            </a:custGeom>
            <a:noFill/>
            <a:ln w="12700" cap="flat" cmpd="sng" algn="ctr">
              <a:solidFill>
                <a:schemeClr val="tx1">
                  <a:lumMod val="50000"/>
                  <a:lumOff val="50000"/>
                </a:schemeClr>
              </a:solidFill>
              <a:prstDash val="solid"/>
            </a:ln>
            <a:effectLst/>
          </p:spPr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84" name="Freeform 83"/>
            <p:cNvSpPr/>
            <p:nvPr/>
          </p:nvSpPr>
          <p:spPr>
            <a:xfrm>
              <a:off x="5080438" y="1079299"/>
              <a:ext cx="1364184" cy="839223"/>
            </a:xfrm>
            <a:custGeom>
              <a:avLst/>
              <a:gdLst>
                <a:gd name="connsiteX0" fmla="*/ 0 w 1455420"/>
                <a:gd name="connsiteY0" fmla="*/ 0 h 895350"/>
                <a:gd name="connsiteX1" fmla="*/ 1455420 w 1455420"/>
                <a:gd name="connsiteY1" fmla="*/ 0 h 895350"/>
                <a:gd name="connsiteX2" fmla="*/ 720090 w 1455420"/>
                <a:gd name="connsiteY2" fmla="*/ 895350 h 895350"/>
                <a:gd name="connsiteX3" fmla="*/ 0 w 1455420"/>
                <a:gd name="connsiteY3" fmla="*/ 0 h 8953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455420" h="895350">
                  <a:moveTo>
                    <a:pt x="0" y="0"/>
                  </a:moveTo>
                  <a:lnTo>
                    <a:pt x="1455420" y="0"/>
                  </a:lnTo>
                  <a:lnTo>
                    <a:pt x="720090" y="895350"/>
                  </a:lnTo>
                  <a:lnTo>
                    <a:pt x="0" y="0"/>
                  </a:lnTo>
                  <a:close/>
                </a:path>
              </a:pathLst>
            </a:custGeom>
            <a:gradFill flip="none" rotWithShape="1">
              <a:gsLst>
                <a:gs pos="46000">
                  <a:srgbClr val="019ADD"/>
                </a:gs>
                <a:gs pos="100000">
                  <a:srgbClr val="019ADD">
                    <a:lumMod val="75000"/>
                  </a:srgbClr>
                </a:gs>
                <a:gs pos="0">
                  <a:srgbClr val="019ADD">
                    <a:lumMod val="50000"/>
                  </a:srgbClr>
                </a:gs>
              </a:gsLst>
              <a:lin ang="5400000" scaled="1"/>
              <a:tileRect/>
            </a:gradFill>
            <a:ln w="28575" cap="sq" cmpd="sng" algn="ctr">
              <a:gradFill flip="none" rotWithShape="1">
                <a:gsLst>
                  <a:gs pos="0">
                    <a:srgbClr val="019ADD">
                      <a:lumMod val="50000"/>
                    </a:srgbClr>
                  </a:gs>
                  <a:gs pos="50000">
                    <a:srgbClr val="019ADD"/>
                  </a:gs>
                  <a:gs pos="95000">
                    <a:srgbClr val="019ADD">
                      <a:lumMod val="50000"/>
                    </a:srgbClr>
                  </a:gs>
                </a:gsLst>
                <a:lin ang="5400000" scaled="1"/>
                <a:tileRect/>
              </a:gradFill>
              <a:prstDash val="solid"/>
              <a:miter lim="800000"/>
            </a:ln>
            <a:effectLst>
              <a:outerShdw blurRad="101600" dist="63500" dir="5400000" algn="t" rotWithShape="0">
                <a:prstClr val="black">
                  <a:alpha val="40000"/>
                </a:prstClr>
              </a:outerShdw>
            </a:effectLst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85" name="Oval 84"/>
            <p:cNvSpPr/>
            <p:nvPr/>
          </p:nvSpPr>
          <p:spPr>
            <a:xfrm>
              <a:off x="5291137" y="1097052"/>
              <a:ext cx="942787" cy="68566"/>
            </a:xfrm>
            <a:prstGeom prst="ellipse">
              <a:avLst/>
            </a:prstGeom>
            <a:gradFill>
              <a:gsLst>
                <a:gs pos="100000">
                  <a:srgbClr val="FFFFFF">
                    <a:alpha val="0"/>
                  </a:srgbClr>
                </a:gs>
                <a:gs pos="0">
                  <a:srgbClr val="FFFFFF">
                    <a:alpha val="70000"/>
                  </a:srgbClr>
                </a:gs>
              </a:gsLst>
              <a:path path="shape">
                <a:fillToRect l="50000" t="50000" r="50000" b="50000"/>
              </a:path>
            </a:gra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86" name="Oval 85"/>
            <p:cNvSpPr/>
            <p:nvPr/>
          </p:nvSpPr>
          <p:spPr>
            <a:xfrm>
              <a:off x="5533977" y="1524623"/>
              <a:ext cx="457109" cy="42853"/>
            </a:xfrm>
            <a:prstGeom prst="ellipse">
              <a:avLst/>
            </a:prstGeom>
            <a:gradFill>
              <a:gsLst>
                <a:gs pos="100000">
                  <a:srgbClr val="FFFFFF">
                    <a:alpha val="0"/>
                  </a:srgbClr>
                </a:gs>
                <a:gs pos="0">
                  <a:srgbClr val="FFFFFF">
                    <a:alpha val="70000"/>
                  </a:srgbClr>
                </a:gs>
              </a:gsLst>
              <a:path path="shape">
                <a:fillToRect l="50000" t="50000" r="50000" b="50000"/>
              </a:path>
            </a:gra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87" name="TextBox 86"/>
            <p:cNvSpPr txBox="1"/>
            <p:nvPr/>
          </p:nvSpPr>
          <p:spPr>
            <a:xfrm>
              <a:off x="5173081" y="1072596"/>
              <a:ext cx="1328490" cy="451404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ctr" defTabSz="1218987"/>
              <a:r>
                <a:rPr lang="en-US" sz="1600" b="1" dirty="0" err="1" smtClean="0">
                  <a:solidFill>
                    <a:prstClr val="white"/>
                  </a:solidFill>
                  <a:effectLst>
                    <a:outerShdw blurRad="63500" dist="38100" dir="5400000" sx="101000" sy="101000" algn="t" rotWithShape="0">
                      <a:prstClr val="black">
                        <a:alpha val="30000"/>
                      </a:prstClr>
                    </a:outerShdw>
                  </a:effectLst>
                  <a:latin typeface="Calibri"/>
                </a:rPr>
                <a:t>ECommerce</a:t>
              </a:r>
              <a:endParaRPr lang="en-US" sz="1600" b="1" dirty="0">
                <a:solidFill>
                  <a:prstClr val="white"/>
                </a:solidFill>
                <a:effectLst>
                  <a:outerShdw blurRad="63500" dist="38100" dir="5400000" sx="101000" sy="101000" algn="t" rotWithShape="0">
                    <a:prstClr val="black">
                      <a:alpha val="30000"/>
                    </a:prstClr>
                  </a:outerShdw>
                </a:effectLst>
                <a:latin typeface="Calibri"/>
              </a:endParaRPr>
            </a:p>
          </p:txBody>
        </p:sp>
        <p:sp>
          <p:nvSpPr>
            <p:cNvPr id="88" name="Freeform 87"/>
            <p:cNvSpPr/>
            <p:nvPr/>
          </p:nvSpPr>
          <p:spPr>
            <a:xfrm>
              <a:off x="5668450" y="1656304"/>
              <a:ext cx="171416" cy="112823"/>
            </a:xfrm>
            <a:custGeom>
              <a:avLst/>
              <a:gdLst>
                <a:gd name="connsiteX0" fmla="*/ 0 w 1455420"/>
                <a:gd name="connsiteY0" fmla="*/ 0 h 895350"/>
                <a:gd name="connsiteX1" fmla="*/ 1455420 w 1455420"/>
                <a:gd name="connsiteY1" fmla="*/ 0 h 895350"/>
                <a:gd name="connsiteX2" fmla="*/ 720090 w 1455420"/>
                <a:gd name="connsiteY2" fmla="*/ 895350 h 895350"/>
                <a:gd name="connsiteX3" fmla="*/ 0 w 1455420"/>
                <a:gd name="connsiteY3" fmla="*/ 0 h 8953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455420" h="895350">
                  <a:moveTo>
                    <a:pt x="0" y="0"/>
                  </a:moveTo>
                  <a:lnTo>
                    <a:pt x="1455420" y="0"/>
                  </a:lnTo>
                  <a:lnTo>
                    <a:pt x="720090" y="89535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FFFF">
                <a:alpha val="60000"/>
              </a:srgbClr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 defTabSz="1218987">
                <a:defRPr/>
              </a:pPr>
              <a:endParaRPr lang="en-US" sz="2400" kern="0" smtClean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89" name="Oval 88"/>
            <p:cNvSpPr/>
            <p:nvPr/>
          </p:nvSpPr>
          <p:spPr>
            <a:xfrm>
              <a:off x="4560036" y="6126257"/>
              <a:ext cx="2362661" cy="236265"/>
            </a:xfrm>
            <a:prstGeom prst="ellipse">
              <a:avLst/>
            </a:prstGeom>
            <a:gradFill flip="none" rotWithShape="1">
              <a:gsLst>
                <a:gs pos="0">
                  <a:sysClr val="windowText" lastClr="000000">
                    <a:lumMod val="50000"/>
                    <a:lumOff val="50000"/>
                    <a:alpha val="94000"/>
                  </a:sysClr>
                </a:gs>
                <a:gs pos="100000">
                  <a:sysClr val="window" lastClr="FFFFFF">
                    <a:alpha val="0"/>
                    <a:lumMod val="100000"/>
                  </a:sysClr>
                </a:gs>
              </a:gsLst>
              <a:path path="shape">
                <a:fillToRect l="50000" t="50000" r="50000" b="50000"/>
              </a:path>
              <a:tileRect/>
            </a:gra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algn="ctr">
                <a:defRPr/>
              </a:pPr>
              <a:endParaRPr lang="en-US" sz="2400" kern="0">
                <a:solidFill>
                  <a:sysClr val="window" lastClr="FFFFFF"/>
                </a:solidFill>
                <a:latin typeface="Calibri"/>
              </a:endParaRPr>
            </a:p>
          </p:txBody>
        </p:sp>
        <p:sp>
          <p:nvSpPr>
            <p:cNvPr id="105" name="Rectangle 104"/>
            <p:cNvSpPr/>
            <p:nvPr/>
          </p:nvSpPr>
          <p:spPr>
            <a:xfrm rot="20288491">
              <a:off x="2317799" y="1789966"/>
              <a:ext cx="1343995" cy="492129"/>
            </a:xfrm>
            <a:prstGeom prst="rect">
              <a:avLst/>
            </a:prstGeom>
            <a:noFill/>
            <a:ln w="12700" cap="flat" cmpd="sng" algn="ctr">
              <a:noFill/>
              <a:prstDash val="solid"/>
            </a:ln>
            <a:effectLst/>
          </p:spPr>
          <p:txBody>
            <a:bodyPr lIns="91440" tIns="0" rIns="91440" bIns="0" rtlCol="0" anchor="ctr"/>
            <a:lstStyle/>
            <a:p>
              <a:pPr algn="ctr" defTabSz="1218987">
                <a:defRPr/>
              </a:pPr>
              <a:r>
                <a:rPr lang="en-US" sz="1400" b="1" kern="0" smtClean="0">
                  <a:solidFill>
                    <a:srgbClr val="0070C0"/>
                  </a:solidFill>
                  <a:cs typeface="Arial" pitchFamily="34" charset="0"/>
                </a:rPr>
                <a:t>294 Stores</a:t>
              </a:r>
              <a:endParaRPr lang="en-US" sz="1400" b="1" kern="0" dirty="0">
                <a:solidFill>
                  <a:srgbClr val="0070C0"/>
                </a:solidFill>
                <a:cs typeface="Arial" pitchFamily="34" charset="0"/>
              </a:endParaRPr>
            </a:p>
          </p:txBody>
        </p:sp>
      </p:grpSp>
      <p:sp>
        <p:nvSpPr>
          <p:cNvPr id="115" name="TextBox 114"/>
          <p:cNvSpPr txBox="1"/>
          <p:nvPr/>
        </p:nvSpPr>
        <p:spPr>
          <a:xfrm>
            <a:off x="3445285" y="1479549"/>
            <a:ext cx="959905" cy="400110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defTabSz="913945"/>
            <a:r>
              <a:rPr lang="en-US" sz="1000" i="1" dirty="0">
                <a:solidFill>
                  <a:srgbClr val="414141"/>
                </a:solidFill>
              </a:rPr>
              <a:t>Urban Center</a:t>
            </a:r>
          </a:p>
          <a:p>
            <a:pPr defTabSz="913945"/>
            <a:r>
              <a:rPr lang="en-US" sz="1000" i="1">
                <a:solidFill>
                  <a:srgbClr val="414141"/>
                </a:solidFill>
              </a:rPr>
              <a:t> </a:t>
            </a:r>
            <a:endParaRPr lang="en-US" sz="1000" i="1" dirty="0">
              <a:solidFill>
                <a:srgbClr val="414141"/>
              </a:solidFill>
            </a:endParaRPr>
          </a:p>
        </p:txBody>
      </p:sp>
      <p:sp>
        <p:nvSpPr>
          <p:cNvPr id="117" name="Rounded Rectangle 116"/>
          <p:cNvSpPr/>
          <p:nvPr/>
        </p:nvSpPr>
        <p:spPr>
          <a:xfrm>
            <a:off x="2403672" y="3886200"/>
            <a:ext cx="1999853" cy="438786"/>
          </a:xfrm>
          <a:prstGeom prst="roundRect">
            <a:avLst/>
          </a:prstGeom>
          <a:noFill/>
          <a:ln>
            <a:noFill/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3945"/>
            <a:r>
              <a:rPr lang="en-US" sz="1400" b="1" i="1">
                <a:solidFill>
                  <a:srgbClr val="0070C0"/>
                </a:solidFill>
              </a:rPr>
              <a:t>Convenient food store</a:t>
            </a:r>
          </a:p>
        </p:txBody>
      </p:sp>
      <p:sp>
        <p:nvSpPr>
          <p:cNvPr id="118" name="Rectangle 117"/>
          <p:cNvSpPr/>
          <p:nvPr/>
        </p:nvSpPr>
        <p:spPr>
          <a:xfrm>
            <a:off x="2375851" y="1827531"/>
            <a:ext cx="2104117" cy="812131"/>
          </a:xfrm>
          <a:prstGeom prst="rect">
            <a:avLst/>
          </a:prstGeom>
          <a:noFill/>
          <a:ln w="12700" cap="flat" cmpd="sng" algn="ctr">
            <a:noFill/>
            <a:prstDash val="solid"/>
          </a:ln>
          <a:effectLst/>
        </p:spPr>
        <p:txBody>
          <a:bodyPr lIns="91440" tIns="0" rIns="91440" bIns="0" rtlCol="0" anchor="t"/>
          <a:lstStyle/>
          <a:p>
            <a:pPr defTabSz="1218987">
              <a:defRPr/>
            </a:pPr>
            <a:r>
              <a:rPr lang="en-US" sz="900" kern="0" dirty="0" err="1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Sqm</a:t>
            </a: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                 100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vg. </a:t>
            </a: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Sales/Day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2 KEUR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Clients/Day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      600</a:t>
            </a:r>
          </a:p>
          <a:p>
            <a:pPr defTabSz="1218987">
              <a:defRPr/>
            </a:pP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Basket:                      3 EUR 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ssortment:               2,500 </a:t>
            </a: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SKU’s</a:t>
            </a:r>
          </a:p>
          <a:p>
            <a:pPr defTabSz="1218987">
              <a:defRPr/>
            </a:pPr>
            <a:r>
              <a:rPr lang="en-US" sz="900" i="1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Operational Franchise</a:t>
            </a:r>
          </a:p>
          <a:p>
            <a:pPr defTabSz="1218987">
              <a:defRPr/>
            </a:pP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Capex:                       115 </a:t>
            </a: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KEUR</a:t>
            </a: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Price index </a:t>
            </a: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KF:           94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</p:txBody>
      </p:sp>
      <p:sp>
        <p:nvSpPr>
          <p:cNvPr id="119" name="Rectangle 118"/>
          <p:cNvSpPr/>
          <p:nvPr/>
        </p:nvSpPr>
        <p:spPr>
          <a:xfrm>
            <a:off x="4601486" y="1817371"/>
            <a:ext cx="2104117" cy="1135380"/>
          </a:xfrm>
          <a:prstGeom prst="rect">
            <a:avLst/>
          </a:prstGeom>
          <a:noFill/>
          <a:ln w="12700" cap="flat" cmpd="sng" algn="ctr">
            <a:noFill/>
            <a:prstDash val="solid"/>
          </a:ln>
          <a:effectLst/>
        </p:spPr>
        <p:txBody>
          <a:bodyPr lIns="91440" tIns="0" rIns="91440" bIns="0" rtlCol="0" anchor="t"/>
          <a:lstStyle/>
          <a:p>
            <a:pPr marL="171450" indent="-171450" defTabSz="1218987">
              <a:buFont typeface="Wingdings" panose="05000000000000000000" pitchFamily="2" charset="2"/>
              <a:buChar char="ü"/>
              <a:defRPr/>
            </a:pP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Drive Store</a:t>
            </a:r>
          </a:p>
          <a:p>
            <a:pPr marL="171450" indent="-171450" defTabSz="1218987">
              <a:buFont typeface="Wingdings" panose="05000000000000000000" pitchFamily="2" charset="2"/>
              <a:buChar char="ü"/>
              <a:defRPr/>
            </a:pP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Pick-up Points</a:t>
            </a:r>
          </a:p>
          <a:p>
            <a:pPr marL="171450" indent="-171450" defTabSz="1218987">
              <a:buFont typeface="Wingdings" panose="05000000000000000000" pitchFamily="2" charset="2"/>
              <a:buChar char="ü"/>
              <a:defRPr/>
            </a:pP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Home Delivery</a:t>
            </a:r>
          </a:p>
          <a:p>
            <a:pPr marL="171450" indent="-171450" defTabSz="1218987">
              <a:buFont typeface="Wingdings" panose="05000000000000000000" pitchFamily="2" charset="2"/>
              <a:buChar char="Ø"/>
              <a:defRPr/>
            </a:pPr>
            <a:endParaRPr lang="en-US" sz="900" kern="0" dirty="0" smtClean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 dirty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vg. </a:t>
            </a: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Sales/Day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5.6 KEUR</a:t>
            </a:r>
            <a:endParaRPr lang="en-US" sz="900" kern="0" dirty="0" smtClean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Clients/Day</a:t>
            </a: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:            125</a:t>
            </a:r>
          </a:p>
          <a:p>
            <a:pPr defTabSz="1218987">
              <a:defRPr/>
            </a:pPr>
            <a:r>
              <a:rPr lang="en-US" sz="900" kern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Basket:                    45 EUR</a:t>
            </a:r>
            <a:endParaRPr lang="en-US" sz="900" kern="0" dirty="0" smtClean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  <a:p>
            <a:pPr defTabSz="1218987">
              <a:defRPr/>
            </a:pPr>
            <a:r>
              <a:rPr lang="en-US" sz="900" kern="0" dirty="0" smtClean="0">
                <a:solidFill>
                  <a:prstClr val="black">
                    <a:lumMod val="65000"/>
                    <a:lumOff val="35000"/>
                  </a:prstClr>
                </a:solidFill>
                <a:cs typeface="Arial" pitchFamily="34" charset="0"/>
              </a:rPr>
              <a:t>Assortment:             11,800 SKU’s</a:t>
            </a:r>
            <a:endParaRPr lang="en-US" sz="900" kern="0" dirty="0">
              <a:solidFill>
                <a:prstClr val="black">
                  <a:lumMod val="65000"/>
                  <a:lumOff val="35000"/>
                </a:prstClr>
              </a:solidFill>
              <a:cs typeface="Arial" pitchFamily="34" charset="0"/>
            </a:endParaRPr>
          </a:p>
        </p:txBody>
      </p:sp>
      <p:sp>
        <p:nvSpPr>
          <p:cNvPr id="120" name="Rounded Rectangle 119"/>
          <p:cNvSpPr/>
          <p:nvPr/>
        </p:nvSpPr>
        <p:spPr>
          <a:xfrm>
            <a:off x="4615137" y="3886200"/>
            <a:ext cx="1999853" cy="438786"/>
          </a:xfrm>
          <a:prstGeom prst="roundRect">
            <a:avLst/>
          </a:prstGeom>
          <a:noFill/>
          <a:ln>
            <a:noFill/>
          </a:ln>
        </p:spPr>
        <p:style>
          <a:lnRef idx="2">
            <a:schemeClr val="accent6">
              <a:shade val="50000"/>
            </a:schemeClr>
          </a:lnRef>
          <a:fillRef idx="1">
            <a:schemeClr val="accent6"/>
          </a:fillRef>
          <a:effectRef idx="0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3945"/>
            <a:r>
              <a:rPr lang="en-US" sz="1400" b="1" i="1" smtClean="0">
                <a:solidFill>
                  <a:srgbClr val="0070C0"/>
                </a:solidFill>
              </a:rPr>
              <a:t>National Online Coverage</a:t>
            </a:r>
            <a:endParaRPr lang="en-US" sz="1400" b="1" i="1">
              <a:solidFill>
                <a:srgbClr val="0070C0"/>
              </a:solidFill>
            </a:endParaRPr>
          </a:p>
        </p:txBody>
      </p:sp>
      <p:pic>
        <p:nvPicPr>
          <p:cNvPr id="124" name="Picture 123"/>
          <p:cNvPicPr>
            <a:picLocks noChangeAspect="1"/>
          </p:cNvPicPr>
          <p:nvPr/>
        </p:nvPicPr>
        <p:blipFill>
          <a:blip r:embed="rId8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602120" y="976438"/>
            <a:ext cx="524116" cy="419976"/>
          </a:xfrm>
          <a:prstGeom prst="rect">
            <a:avLst/>
          </a:prstGeom>
        </p:spPr>
      </p:pic>
      <p:pic>
        <p:nvPicPr>
          <p:cNvPr id="131" name="Picture 2" descr="http://www.retail-fmcg.ro/wp-content/uploads/2010/12/shop-go_logo-1.jpg"/>
          <p:cNvPicPr>
            <a:picLocks noChangeAspect="1" noChangeArrowheads="1"/>
          </p:cNvPicPr>
          <p:nvPr/>
        </p:nvPicPr>
        <p:blipFill>
          <a:blip r:embed="rId9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161761" y="800100"/>
            <a:ext cx="556867" cy="48693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2" name="Picture 10" descr="Image result for shop&amp;go mega image"/>
          <p:cNvPicPr>
            <a:picLocks noChangeAspect="1" noChangeArrowheads="1"/>
          </p:cNvPicPr>
          <p:nvPr/>
        </p:nvPicPr>
        <p:blipFill>
          <a:blip r:embed="rId10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403220" y="2952751"/>
            <a:ext cx="1975104" cy="911587"/>
          </a:xfrm>
          <a:prstGeom prst="rect">
            <a:avLst/>
          </a:prstGeom>
          <a:noFill/>
        </p:spPr>
      </p:pic>
      <p:pic>
        <p:nvPicPr>
          <p:cNvPr id="32790" name="Picture 22" descr="http://s1emagst.akamaized.net/layout/ro/images/logo/25/36896.png"/>
          <p:cNvPicPr>
            <a:picLocks noChangeAspect="1" noChangeArrowheads="1"/>
          </p:cNvPicPr>
          <p:nvPr/>
        </p:nvPicPr>
        <p:blipFill>
          <a:blip r:embed="rId11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66142" y="1361696"/>
            <a:ext cx="807107" cy="2686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38" name="TextBox 137"/>
          <p:cNvSpPr txBox="1"/>
          <p:nvPr/>
        </p:nvSpPr>
        <p:spPr>
          <a:xfrm>
            <a:off x="4618631" y="4343400"/>
            <a:ext cx="1999853" cy="400110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algn="ctr" defTabSz="913945"/>
            <a:r>
              <a:rPr lang="en-US" sz="1000" i="1" kern="0" dirty="0">
                <a:solidFill>
                  <a:prstClr val="black"/>
                </a:solidFill>
                <a:cs typeface="Arial" pitchFamily="34" charset="0"/>
              </a:rPr>
              <a:t>Complete service for payment and delivery</a:t>
            </a:r>
          </a:p>
        </p:txBody>
      </p:sp>
      <p:sp>
        <p:nvSpPr>
          <p:cNvPr id="48" name="Title 1"/>
          <p:cNvSpPr>
            <a:spLocks noGrp="1"/>
          </p:cNvSpPr>
          <p:nvPr>
            <p:ph type="title" idx="4294967295"/>
          </p:nvPr>
        </p:nvSpPr>
        <p:spPr>
          <a:xfrm>
            <a:off x="685800" y="-19050"/>
            <a:ext cx="8672264" cy="387534"/>
          </a:xfrm>
        </p:spPr>
        <p:txBody>
          <a:bodyPr/>
          <a:lstStyle/>
          <a:p>
            <a:pPr>
              <a:defRPr/>
            </a:pPr>
            <a:r>
              <a:rPr lang="en-US" sz="2400" b="1" dirty="0" smtClean="0"/>
              <a:t>Mega Image Stores Formats</a:t>
            </a:r>
          </a:p>
        </p:txBody>
      </p:sp>
      <p:pic>
        <p:nvPicPr>
          <p:cNvPr id="112655" name="Picture 15" descr="C:\Users\oboghian\AppData\Local\Microsoft\Windows\Temporary Internet Files\Content.Outlook\V9ZWCJRT\BASKET+TABLET.png"/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01484" y="2971802"/>
            <a:ext cx="2026857" cy="8863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8" name="Picture 29"/>
          <p:cNvPicPr>
            <a:picLocks noChangeAspect="1" noChangeArrowheads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388364405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fr-FR" smtClean="0"/>
              <a:t>|</a:t>
            </a:r>
            <a:r>
              <a:rPr lang="fr-FR" smtClean="0">
                <a:solidFill>
                  <a:srgbClr val="898989"/>
                </a:solidFill>
              </a:rPr>
              <a:t> </a:t>
            </a:r>
            <a:r>
              <a:rPr lang="en-US" smtClean="0">
                <a:solidFill>
                  <a:srgbClr val="898989"/>
                </a:solidFill>
              </a:rPr>
              <a:t> </a:t>
            </a:r>
            <a:fld id="{79AA2A7C-E190-A748-A14F-A773FF769E66}" type="slidenum">
              <a:rPr lang="en-US" smtClean="0">
                <a:solidFill>
                  <a:srgbClr val="898989"/>
                </a:solidFill>
              </a:rPr>
              <a:pPr>
                <a:defRPr/>
              </a:pPr>
              <a:t>3</a:t>
            </a:fld>
            <a:endParaRPr lang="fr-FR" dirty="0">
              <a:solidFill>
                <a:srgbClr val="898989"/>
              </a:solidFill>
            </a:endParaRPr>
          </a:p>
        </p:txBody>
      </p:sp>
      <p:pic>
        <p:nvPicPr>
          <p:cNvPr id="123906" name="Picture 2" descr="C:\Users\anamaria_ionita\Desktop\Prezentare Mega\Preze-2.jp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-19050" y="1"/>
            <a:ext cx="9163050" cy="51612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TextBox 5"/>
          <p:cNvSpPr txBox="1"/>
          <p:nvPr/>
        </p:nvSpPr>
        <p:spPr>
          <a:xfrm>
            <a:off x="3200400" y="2095440"/>
            <a:ext cx="3810000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dirty="0" smtClean="0">
                <a:solidFill>
                  <a:schemeClr val="bg1"/>
                </a:solidFill>
              </a:rPr>
              <a:t>ROMANIA: CONTEXT</a:t>
            </a:r>
            <a:endParaRPr lang="en-US" sz="2800" b="1" dirty="0">
              <a:solidFill>
                <a:schemeClr val="bg1"/>
              </a:solidFill>
            </a:endParaRPr>
          </a:p>
        </p:txBody>
      </p:sp>
      <p:pic>
        <p:nvPicPr>
          <p:cNvPr id="8" name="Picture 29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649635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7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9" name="Picture 138" descr="http://www.campbells.com.au/ccc_farcry/images/camRangeCategory/image/4cd2c3c83de35_images10.jpg"/>
          <p:cNvPicPr>
            <a:picLocks noChangeAspect="1" noChangeArrowheads="1"/>
          </p:cNvPicPr>
          <p:nvPr/>
        </p:nvPicPr>
        <p:blipFill>
          <a:blip r:embed="rId6" cstate="print"/>
          <a:stretch>
            <a:fillRect/>
          </a:stretch>
        </p:blipFill>
        <p:spPr bwMode="auto">
          <a:xfrm rot="21000254">
            <a:off x="816851" y="3299603"/>
            <a:ext cx="1163576" cy="1049676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</p:spPr>
      </p:pic>
      <p:pic>
        <p:nvPicPr>
          <p:cNvPr id="43022" name="Picture 14" descr="http://www.parknshop.com/_ui/desktop/theme-igc/images/enu/home/QA/photo05.jpg"/>
          <p:cNvPicPr>
            <a:picLocks noChangeAspect="1" noChangeArrowheads="1"/>
          </p:cNvPicPr>
          <p:nvPr/>
        </p:nvPicPr>
        <p:blipFill>
          <a:blip r:embed="rId7" cstate="print"/>
          <a:stretch>
            <a:fillRect/>
          </a:stretch>
        </p:blipFill>
        <p:spPr bwMode="auto">
          <a:xfrm>
            <a:off x="6026173" y="3690836"/>
            <a:ext cx="2080878" cy="1032214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  <a:extLst/>
        </p:spPr>
      </p:pic>
      <p:graphicFrame>
        <p:nvGraphicFramePr>
          <p:cNvPr id="167938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95" y="1195"/>
          <a:ext cx="1587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7859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95" y="1195"/>
                        <a:ext cx="1587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7980" name="Slide Number Placeholder 43"/>
          <p:cNvSpPr txBox="1">
            <a:spLocks noGrp="1"/>
          </p:cNvSpPr>
          <p:nvPr/>
        </p:nvSpPr>
        <p:spPr bwMode="auto">
          <a:xfrm>
            <a:off x="8178805" y="4762505"/>
            <a:ext cx="503238" cy="273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394" tIns="45697" rIns="91394" bIns="45697" anchor="ctr"/>
          <a:lstStyle/>
          <a:p>
            <a:pPr algn="r" defTabSz="456972" fontAlgn="base">
              <a:spcBef>
                <a:spcPct val="0"/>
              </a:spcBef>
              <a:spcAft>
                <a:spcPct val="0"/>
              </a:spcAft>
            </a:pPr>
            <a:r>
              <a:rPr lang="fr-FR" sz="900" dirty="0">
                <a:solidFill>
                  <a:srgbClr val="404040"/>
                </a:solidFill>
                <a:ea typeface="ＭＳ Ｐゴシック" pitchFamily="-65" charset="-128"/>
                <a:cs typeface="Arial" charset="0"/>
              </a:rPr>
              <a:t>|</a:t>
            </a:r>
            <a:r>
              <a:rPr lang="fr-FR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r>
              <a:rPr lang="en-US" sz="900" dirty="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t> </a:t>
            </a:r>
            <a:fld id="{5BEB0909-6439-4631-A4D6-72F68C779BED}" type="slidenum">
              <a:rPr lang="en-US" sz="900">
                <a:solidFill>
                  <a:srgbClr val="898989"/>
                </a:solidFill>
                <a:ea typeface="ＭＳ Ｐゴシック" pitchFamily="-65" charset="-128"/>
                <a:cs typeface="Arial" charset="0"/>
              </a:rPr>
              <a:pPr algn="r" defTabSz="456972" fontAlgn="base">
                <a:spcBef>
                  <a:spcPct val="0"/>
                </a:spcBef>
                <a:spcAft>
                  <a:spcPct val="0"/>
                </a:spcAft>
              </a:pPr>
              <a:t>30</a:t>
            </a:fld>
            <a:endParaRPr lang="fr-FR" sz="900" dirty="0">
              <a:solidFill>
                <a:srgbClr val="898989"/>
              </a:solidFill>
              <a:ea typeface="ＭＳ Ｐゴシック" pitchFamily="-65" charset="-128"/>
              <a:cs typeface="Arial" charset="0"/>
            </a:endParaRPr>
          </a:p>
        </p:txBody>
      </p:sp>
      <p:sp>
        <p:nvSpPr>
          <p:cNvPr id="10" name="Title 1"/>
          <p:cNvSpPr>
            <a:spLocks noGrp="1"/>
          </p:cNvSpPr>
          <p:nvPr>
            <p:ph type="title" idx="4294967295"/>
          </p:nvPr>
        </p:nvSpPr>
        <p:spPr>
          <a:xfrm>
            <a:off x="659696" y="-37014"/>
            <a:ext cx="8495792" cy="387534"/>
          </a:xfrm>
        </p:spPr>
        <p:txBody>
          <a:bodyPr/>
          <a:lstStyle/>
          <a:p>
            <a:pPr>
              <a:defRPr/>
            </a:pPr>
            <a:r>
              <a:rPr lang="en-US" sz="2400" b="1" dirty="0" smtClean="0"/>
              <a:t>Categories Contribution</a:t>
            </a:r>
          </a:p>
        </p:txBody>
      </p:sp>
      <p:grpSp>
        <p:nvGrpSpPr>
          <p:cNvPr id="2" name="Group 1"/>
          <p:cNvGrpSpPr/>
          <p:nvPr/>
        </p:nvGrpSpPr>
        <p:grpSpPr>
          <a:xfrm>
            <a:off x="152400" y="1143002"/>
            <a:ext cx="9144000" cy="2839943"/>
            <a:chOff x="660323" y="2591019"/>
            <a:chExt cx="11606271" cy="3907799"/>
          </a:xfrm>
        </p:grpSpPr>
        <p:sp>
          <p:nvSpPr>
            <p:cNvPr id="105" name="TextBox 104"/>
            <p:cNvSpPr txBox="1"/>
            <p:nvPr/>
          </p:nvSpPr>
          <p:spPr>
            <a:xfrm flipH="1">
              <a:off x="687210" y="3340500"/>
              <a:ext cx="3109875" cy="508030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r" defTabSz="1218987"/>
              <a:r>
                <a:rPr lang="en-US" sz="1799">
                  <a:solidFill>
                    <a:srgbClr val="595959"/>
                  </a:solidFill>
                  <a:cs typeface="Arial" pitchFamily="34" charset="0"/>
                </a:rPr>
                <a:t>Fresh &amp; perishable</a:t>
              </a:r>
              <a:endParaRPr lang="en-US" sz="1799" dirty="0">
                <a:solidFill>
                  <a:srgbClr val="595959"/>
                </a:solidFill>
                <a:cs typeface="Arial" pitchFamily="34" charset="0"/>
              </a:endParaRPr>
            </a:p>
          </p:txBody>
        </p:sp>
        <p:sp>
          <p:nvSpPr>
            <p:cNvPr id="106" name="TextBox 105"/>
            <p:cNvSpPr txBox="1"/>
            <p:nvPr/>
          </p:nvSpPr>
          <p:spPr>
            <a:xfrm flipH="1">
              <a:off x="8503645" y="4155894"/>
              <a:ext cx="3762949" cy="508030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defTabSz="1218987"/>
              <a:r>
                <a:rPr lang="en-US" sz="1799" smtClean="0">
                  <a:solidFill>
                    <a:srgbClr val="595959"/>
                  </a:solidFill>
                  <a:cs typeface="Arial" pitchFamily="34" charset="0"/>
                </a:rPr>
                <a:t>Food Grocery</a:t>
              </a:r>
              <a:endParaRPr lang="en-US" sz="1799" dirty="0">
                <a:solidFill>
                  <a:srgbClr val="595959"/>
                </a:solidFill>
                <a:cs typeface="Arial" pitchFamily="34" charset="0"/>
              </a:endParaRPr>
            </a:p>
          </p:txBody>
        </p:sp>
        <p:sp>
          <p:nvSpPr>
            <p:cNvPr id="108" name="TextBox 107"/>
            <p:cNvSpPr txBox="1"/>
            <p:nvPr/>
          </p:nvSpPr>
          <p:spPr>
            <a:xfrm flipH="1">
              <a:off x="8152866" y="5527138"/>
              <a:ext cx="3762949" cy="508030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defTabSz="1218987"/>
              <a:r>
                <a:rPr lang="en-US" sz="1799" smtClean="0">
                  <a:solidFill>
                    <a:srgbClr val="595959"/>
                  </a:solidFill>
                  <a:cs typeface="Arial" pitchFamily="34" charset="0"/>
                </a:rPr>
                <a:t>Non Food Grocery</a:t>
              </a:r>
              <a:endParaRPr lang="en-US" sz="1799" dirty="0">
                <a:solidFill>
                  <a:srgbClr val="595959"/>
                </a:solidFill>
                <a:cs typeface="Arial" pitchFamily="34" charset="0"/>
              </a:endParaRPr>
            </a:p>
          </p:txBody>
        </p:sp>
        <p:grpSp>
          <p:nvGrpSpPr>
            <p:cNvPr id="109" name="Group 108"/>
            <p:cNvGrpSpPr/>
            <p:nvPr/>
          </p:nvGrpSpPr>
          <p:grpSpPr>
            <a:xfrm>
              <a:off x="4039137" y="2591019"/>
              <a:ext cx="4342269" cy="3907799"/>
              <a:chOff x="4037548" y="2591019"/>
              <a:chExt cx="4342269" cy="3907799"/>
            </a:xfrm>
          </p:grpSpPr>
          <p:sp>
            <p:nvSpPr>
              <p:cNvPr id="110" name="Oval 109"/>
              <p:cNvSpPr/>
              <p:nvPr/>
            </p:nvSpPr>
            <p:spPr>
              <a:xfrm>
                <a:off x="5533157" y="5104963"/>
                <a:ext cx="1414819" cy="411265"/>
              </a:xfrm>
              <a:prstGeom prst="ellipse">
                <a:avLst/>
              </a:prstGeom>
              <a:noFill/>
              <a:ln w="25400" cap="flat" cmpd="sng" algn="ctr">
                <a:solidFill>
                  <a:srgbClr val="0779B7"/>
                </a:solidFill>
                <a:prstDash val="solid"/>
              </a:ln>
              <a:effectLst/>
              <a:scene3d>
                <a:camera prst="perspectiveRelaxed" fov="7200000">
                  <a:rot lat="18600000" lon="0" rev="0"/>
                </a:camera>
                <a:lightRig rig="threePt" dir="t"/>
              </a:scene3d>
              <a:sp3d prstMaterial="clear">
                <a:bevelT w="0" h="762000"/>
                <a:bevelB w="0" h="254000"/>
              </a:sp3d>
            </p:spPr>
            <p:txBody>
              <a:bodyPr rtlCol="0" anchor="ctr"/>
              <a:lstStyle/>
              <a:p>
                <a:pPr marL="0" marR="0" lvl="0" indent="0" algn="ctr" defTabSz="1218987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399" b="0" i="0" u="none" strike="noStrike" kern="0" cap="none" spc="0" normalizeH="0" baseline="0" noProof="0" smtClean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/>
                  <a:ea typeface="+mn-ea"/>
                  <a:cs typeface="+mn-cs"/>
                </a:endParaRPr>
              </a:p>
            </p:txBody>
          </p:sp>
          <p:sp>
            <p:nvSpPr>
              <p:cNvPr id="111" name="Oval 110"/>
              <p:cNvSpPr/>
              <p:nvPr/>
            </p:nvSpPr>
            <p:spPr>
              <a:xfrm>
                <a:off x="5249240" y="4419341"/>
                <a:ext cx="1961533" cy="411265"/>
              </a:xfrm>
              <a:prstGeom prst="ellipse">
                <a:avLst/>
              </a:prstGeom>
              <a:noFill/>
              <a:ln w="25400" cap="flat" cmpd="sng" algn="ctr">
                <a:solidFill>
                  <a:srgbClr val="0779B7"/>
                </a:solidFill>
                <a:prstDash val="solid"/>
              </a:ln>
              <a:effectLst/>
              <a:scene3d>
                <a:camera prst="perspectiveRelaxed" fov="6000000">
                  <a:rot lat="20100000" lon="0" rev="0"/>
                </a:camera>
                <a:lightRig rig="threePt" dir="t"/>
              </a:scene3d>
              <a:sp3d prstMaterial="clear">
                <a:bevelT w="0" h="1689100"/>
                <a:bevelB w="0" h="254000"/>
              </a:sp3d>
            </p:spPr>
            <p:txBody>
              <a:bodyPr rtlCol="0" anchor="ctr"/>
              <a:lstStyle/>
              <a:p>
                <a:pPr marL="0" marR="0" lvl="0" indent="0" algn="ctr" defTabSz="1218987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399" b="0" i="0" u="none" strike="noStrike" kern="0" cap="none" spc="0" normalizeH="0" baseline="0" noProof="0" smtClean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/>
                  <a:ea typeface="+mn-ea"/>
                  <a:cs typeface="+mn-cs"/>
                </a:endParaRPr>
              </a:p>
            </p:txBody>
          </p:sp>
          <p:sp>
            <p:nvSpPr>
              <p:cNvPr id="112" name="Oval 111"/>
              <p:cNvSpPr/>
              <p:nvPr/>
            </p:nvSpPr>
            <p:spPr>
              <a:xfrm>
                <a:off x="4906333" y="3635908"/>
                <a:ext cx="2646569" cy="554894"/>
              </a:xfrm>
              <a:prstGeom prst="ellipse">
                <a:avLst/>
              </a:prstGeom>
              <a:noFill/>
              <a:ln w="25400" cap="flat" cmpd="sng" algn="ctr">
                <a:solidFill>
                  <a:srgbClr val="0779B7"/>
                </a:solidFill>
                <a:prstDash val="solid"/>
              </a:ln>
              <a:effectLst/>
              <a:scene3d>
                <a:camera prst="perspectiveRelaxed" fov="6000000">
                  <a:rot lat="20100000" lon="0" rev="0"/>
                </a:camera>
                <a:lightRig rig="threePt" dir="t"/>
              </a:scene3d>
              <a:sp3d prstMaterial="clear">
                <a:bevelT w="0" h="1689100"/>
                <a:bevelB w="0" h="254000"/>
              </a:sp3d>
            </p:spPr>
            <p:txBody>
              <a:bodyPr rtlCol="0" anchor="ctr"/>
              <a:lstStyle/>
              <a:p>
                <a:pPr marL="0" marR="0" lvl="0" indent="0" algn="ctr" defTabSz="1218987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399" b="0" i="0" u="none" strike="noStrike" kern="0" cap="none" spc="0" normalizeH="0" baseline="0" noProof="0" smtClean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/>
                  <a:ea typeface="+mn-ea"/>
                  <a:cs typeface="+mn-cs"/>
                </a:endParaRPr>
              </a:p>
            </p:txBody>
          </p:sp>
          <p:sp>
            <p:nvSpPr>
              <p:cNvPr id="113" name="Oval 112"/>
              <p:cNvSpPr/>
              <p:nvPr/>
            </p:nvSpPr>
            <p:spPr>
              <a:xfrm>
                <a:off x="4402859" y="2591019"/>
                <a:ext cx="3629113" cy="878135"/>
              </a:xfrm>
              <a:prstGeom prst="ellipse">
                <a:avLst/>
              </a:prstGeom>
              <a:noFill/>
              <a:ln w="25400" cap="flat" cmpd="sng" algn="ctr">
                <a:solidFill>
                  <a:srgbClr val="0779B7"/>
                </a:solidFill>
                <a:prstDash val="solid"/>
              </a:ln>
              <a:effectLst/>
              <a:scene3d>
                <a:camera prst="perspectiveRelaxed" fov="6000000">
                  <a:rot lat="19800000" lon="0" rev="0"/>
                </a:camera>
                <a:lightRig rig="threePt" dir="t"/>
              </a:scene3d>
              <a:sp3d prstMaterial="clear">
                <a:bevelT w="0" h="1689100"/>
                <a:bevelB w="0" h="254000"/>
              </a:sp3d>
            </p:spPr>
            <p:txBody>
              <a:bodyPr rtlCol="0" anchor="ctr"/>
              <a:lstStyle/>
              <a:p>
                <a:pPr marL="0" marR="0" lvl="0" indent="0" algn="ctr" defTabSz="1218987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399" b="0" i="0" u="none" strike="noStrike" kern="0" cap="none" spc="0" normalizeH="0" baseline="0" noProof="0" smtClean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/>
                  <a:ea typeface="+mn-ea"/>
                  <a:cs typeface="+mn-cs"/>
                </a:endParaRPr>
              </a:p>
            </p:txBody>
          </p:sp>
          <p:grpSp>
            <p:nvGrpSpPr>
              <p:cNvPr id="116" name="Group 115"/>
              <p:cNvGrpSpPr/>
              <p:nvPr/>
            </p:nvGrpSpPr>
            <p:grpSpPr>
              <a:xfrm>
                <a:off x="5891173" y="3477343"/>
                <a:ext cx="690156" cy="555666"/>
                <a:chOff x="5933052" y="1760445"/>
                <a:chExt cx="690336" cy="555811"/>
              </a:xfrm>
            </p:grpSpPr>
            <p:sp>
              <p:nvSpPr>
                <p:cNvPr id="132" name="Oval 131"/>
                <p:cNvSpPr/>
                <p:nvPr/>
              </p:nvSpPr>
              <p:spPr>
                <a:xfrm>
                  <a:off x="5992905" y="1760445"/>
                  <a:ext cx="555811" cy="555811"/>
                </a:xfrm>
                <a:prstGeom prst="ellipse">
                  <a:avLst/>
                </a:prstGeom>
                <a:solidFill>
                  <a:srgbClr val="0779B7"/>
                </a:solidFill>
                <a:ln w="25400" cap="flat" cmpd="sng" algn="ctr">
                  <a:noFill/>
                  <a:prstDash val="solid"/>
                </a:ln>
                <a:effectLst/>
              </p:spPr>
              <p:txBody>
                <a:bodyPr rtlCol="0" anchor="ctr"/>
                <a:lstStyle/>
                <a:p>
                  <a:pPr marL="0" marR="0" lvl="0" indent="0" algn="ctr" defTabSz="1218987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399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latin typeface="Calibri"/>
                    <a:ea typeface="+mn-ea"/>
                    <a:cs typeface="+mn-cs"/>
                  </a:endParaRPr>
                </a:p>
              </p:txBody>
            </p:sp>
            <p:sp>
              <p:nvSpPr>
                <p:cNvPr id="133" name="TextBox 132"/>
                <p:cNvSpPr txBox="1"/>
                <p:nvPr/>
              </p:nvSpPr>
              <p:spPr>
                <a:xfrm>
                  <a:off x="5933052" y="1819066"/>
                  <a:ext cx="690336" cy="423616"/>
                </a:xfrm>
                <a:prstGeom prst="rect">
                  <a:avLst/>
                </a:prstGeom>
                <a:noFill/>
              </p:spPr>
              <p:txBody>
                <a:bodyPr wrap="none" rtlCol="0" anchor="ctr">
                  <a:spAutoFit/>
                </a:bodyPr>
                <a:lstStyle/>
                <a:p>
                  <a:pPr marL="0" marR="0" lvl="0" indent="0" algn="ctr" defTabSz="1218987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sz="14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white"/>
                      </a:solidFill>
                      <a:effectLst/>
                      <a:uLnTx/>
                      <a:uFillTx/>
                      <a:cs typeface="Arial" pitchFamily="34" charset="0"/>
                    </a:rPr>
                    <a:t>41%</a:t>
                  </a:r>
                  <a:endParaRPr kumimoji="0" lang="en-US" sz="14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cs typeface="Arial" pitchFamily="34" charset="0"/>
                  </a:endParaRPr>
                </a:p>
              </p:txBody>
            </p:sp>
          </p:grpSp>
          <p:grpSp>
            <p:nvGrpSpPr>
              <p:cNvPr id="117" name="Group 116"/>
              <p:cNvGrpSpPr/>
              <p:nvPr/>
            </p:nvGrpSpPr>
            <p:grpSpPr>
              <a:xfrm>
                <a:off x="5891173" y="4160254"/>
                <a:ext cx="690156" cy="555666"/>
                <a:chOff x="5933053" y="1760445"/>
                <a:chExt cx="690336" cy="555811"/>
              </a:xfrm>
            </p:grpSpPr>
            <p:sp>
              <p:nvSpPr>
                <p:cNvPr id="130" name="Oval 129"/>
                <p:cNvSpPr/>
                <p:nvPr/>
              </p:nvSpPr>
              <p:spPr>
                <a:xfrm>
                  <a:off x="5992905" y="1760445"/>
                  <a:ext cx="555811" cy="555811"/>
                </a:xfrm>
                <a:prstGeom prst="ellipse">
                  <a:avLst/>
                </a:prstGeom>
                <a:solidFill>
                  <a:srgbClr val="0779B7"/>
                </a:solidFill>
                <a:ln w="25400" cap="flat" cmpd="sng" algn="ctr">
                  <a:noFill/>
                  <a:prstDash val="solid"/>
                </a:ln>
                <a:effectLst/>
              </p:spPr>
              <p:txBody>
                <a:bodyPr rtlCol="0" anchor="ctr"/>
                <a:lstStyle/>
                <a:p>
                  <a:pPr marL="0" marR="0" lvl="0" indent="0" algn="ctr" defTabSz="1218987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399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latin typeface="Calibri"/>
                    <a:ea typeface="+mn-ea"/>
                    <a:cs typeface="+mn-cs"/>
                  </a:endParaRPr>
                </a:p>
              </p:txBody>
            </p:sp>
            <p:sp>
              <p:nvSpPr>
                <p:cNvPr id="131" name="TextBox 130"/>
                <p:cNvSpPr txBox="1"/>
                <p:nvPr/>
              </p:nvSpPr>
              <p:spPr>
                <a:xfrm>
                  <a:off x="5933053" y="1819066"/>
                  <a:ext cx="690336" cy="423616"/>
                </a:xfrm>
                <a:prstGeom prst="rect">
                  <a:avLst/>
                </a:prstGeom>
                <a:noFill/>
              </p:spPr>
              <p:txBody>
                <a:bodyPr wrap="none" rtlCol="0" anchor="ctr">
                  <a:spAutoFit/>
                </a:bodyPr>
                <a:lstStyle/>
                <a:p>
                  <a:pPr marL="0" marR="0" lvl="0" indent="0" algn="ctr" defTabSz="1218987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sz="14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white"/>
                      </a:solidFill>
                      <a:effectLst/>
                      <a:uLnTx/>
                      <a:uFillTx/>
                      <a:cs typeface="Arial" pitchFamily="34" charset="0"/>
                    </a:rPr>
                    <a:t>36%</a:t>
                  </a:r>
                  <a:endParaRPr kumimoji="0" lang="en-US" sz="14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cs typeface="Arial" pitchFamily="34" charset="0"/>
                  </a:endParaRPr>
                </a:p>
              </p:txBody>
            </p:sp>
          </p:grpSp>
          <p:grpSp>
            <p:nvGrpSpPr>
              <p:cNvPr id="118" name="Group 117"/>
              <p:cNvGrpSpPr/>
              <p:nvPr/>
            </p:nvGrpSpPr>
            <p:grpSpPr>
              <a:xfrm>
                <a:off x="5950161" y="5516229"/>
                <a:ext cx="564006" cy="555666"/>
                <a:chOff x="5992047" y="1760445"/>
                <a:chExt cx="564152" cy="555811"/>
              </a:xfrm>
            </p:grpSpPr>
            <p:sp>
              <p:nvSpPr>
                <p:cNvPr id="128" name="Oval 127"/>
                <p:cNvSpPr/>
                <p:nvPr/>
              </p:nvSpPr>
              <p:spPr>
                <a:xfrm>
                  <a:off x="5992905" y="1760445"/>
                  <a:ext cx="555811" cy="555811"/>
                </a:xfrm>
                <a:prstGeom prst="ellipse">
                  <a:avLst/>
                </a:prstGeom>
                <a:solidFill>
                  <a:srgbClr val="0779B7"/>
                </a:solidFill>
                <a:ln w="25400" cap="flat" cmpd="sng" algn="ctr">
                  <a:noFill/>
                  <a:prstDash val="solid"/>
                </a:ln>
                <a:effectLst/>
              </p:spPr>
              <p:txBody>
                <a:bodyPr rtlCol="0" anchor="ctr"/>
                <a:lstStyle/>
                <a:p>
                  <a:pPr marL="0" marR="0" lvl="0" indent="0" algn="ctr" defTabSz="1218987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399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latin typeface="Calibri"/>
                    <a:ea typeface="+mn-ea"/>
                    <a:cs typeface="+mn-cs"/>
                  </a:endParaRPr>
                </a:p>
              </p:txBody>
            </p:sp>
            <p:sp>
              <p:nvSpPr>
                <p:cNvPr id="129" name="TextBox 128"/>
                <p:cNvSpPr txBox="1"/>
                <p:nvPr/>
              </p:nvSpPr>
              <p:spPr>
                <a:xfrm>
                  <a:off x="5992047" y="1824554"/>
                  <a:ext cx="564152" cy="423616"/>
                </a:xfrm>
                <a:prstGeom prst="rect">
                  <a:avLst/>
                </a:prstGeom>
                <a:noFill/>
              </p:spPr>
              <p:txBody>
                <a:bodyPr wrap="none" rtlCol="0" anchor="ctr">
                  <a:spAutoFit/>
                </a:bodyPr>
                <a:lstStyle/>
                <a:p>
                  <a:pPr marL="0" marR="0" lvl="0" indent="0" algn="ctr" defTabSz="1218987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lang="en-US" sz="1400" kern="0">
                      <a:solidFill>
                        <a:prstClr val="white"/>
                      </a:solidFill>
                      <a:cs typeface="Arial" pitchFamily="34" charset="0"/>
                    </a:rPr>
                    <a:t>8</a:t>
                  </a:r>
                  <a:r>
                    <a:rPr kumimoji="0" lang="en-US" sz="14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white"/>
                      </a:solidFill>
                      <a:effectLst/>
                      <a:uLnTx/>
                      <a:uFillTx/>
                      <a:cs typeface="Arial" pitchFamily="34" charset="0"/>
                    </a:rPr>
                    <a:t>%</a:t>
                  </a:r>
                  <a:endParaRPr kumimoji="0" lang="en-US" sz="14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cs typeface="Arial" pitchFamily="34" charset="0"/>
                  </a:endParaRPr>
                </a:p>
              </p:txBody>
            </p:sp>
          </p:grpSp>
          <p:grpSp>
            <p:nvGrpSpPr>
              <p:cNvPr id="119" name="Group 118"/>
              <p:cNvGrpSpPr/>
              <p:nvPr/>
            </p:nvGrpSpPr>
            <p:grpSpPr>
              <a:xfrm>
                <a:off x="5891173" y="4830608"/>
                <a:ext cx="690156" cy="555666"/>
                <a:chOff x="5933053" y="1760445"/>
                <a:chExt cx="690336" cy="555811"/>
              </a:xfrm>
            </p:grpSpPr>
            <p:sp>
              <p:nvSpPr>
                <p:cNvPr id="126" name="Oval 125"/>
                <p:cNvSpPr/>
                <p:nvPr/>
              </p:nvSpPr>
              <p:spPr>
                <a:xfrm>
                  <a:off x="5992905" y="1760445"/>
                  <a:ext cx="555811" cy="555811"/>
                </a:xfrm>
                <a:prstGeom prst="ellipse">
                  <a:avLst/>
                </a:prstGeom>
                <a:solidFill>
                  <a:srgbClr val="0779B7"/>
                </a:solidFill>
                <a:ln w="25400" cap="flat" cmpd="sng" algn="ctr">
                  <a:noFill/>
                  <a:prstDash val="solid"/>
                </a:ln>
                <a:effectLst/>
              </p:spPr>
              <p:txBody>
                <a:bodyPr rtlCol="0" anchor="ctr"/>
                <a:lstStyle/>
                <a:p>
                  <a:pPr marL="0" marR="0" lvl="0" indent="0" algn="ctr" defTabSz="1218987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399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latin typeface="Calibri"/>
                    <a:ea typeface="+mn-ea"/>
                    <a:cs typeface="+mn-cs"/>
                  </a:endParaRPr>
                </a:p>
              </p:txBody>
            </p:sp>
            <p:sp>
              <p:nvSpPr>
                <p:cNvPr id="127" name="TextBox 126"/>
                <p:cNvSpPr txBox="1"/>
                <p:nvPr/>
              </p:nvSpPr>
              <p:spPr>
                <a:xfrm>
                  <a:off x="5933053" y="1824554"/>
                  <a:ext cx="690336" cy="423616"/>
                </a:xfrm>
                <a:prstGeom prst="rect">
                  <a:avLst/>
                </a:prstGeom>
                <a:noFill/>
              </p:spPr>
              <p:txBody>
                <a:bodyPr wrap="none" rtlCol="0" anchor="ctr">
                  <a:spAutoFit/>
                </a:bodyPr>
                <a:lstStyle/>
                <a:p>
                  <a:pPr marL="0" marR="0" lvl="0" indent="0" algn="ctr" defTabSz="1218987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sz="14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white"/>
                      </a:solidFill>
                      <a:effectLst/>
                      <a:uLnTx/>
                      <a:uFillTx/>
                      <a:cs typeface="Arial" pitchFamily="34" charset="0"/>
                    </a:rPr>
                    <a:t>15%</a:t>
                  </a:r>
                  <a:endParaRPr kumimoji="0" lang="en-US" sz="14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cs typeface="Arial" pitchFamily="34" charset="0"/>
                  </a:endParaRPr>
                </a:p>
              </p:txBody>
            </p:sp>
          </p:grpSp>
          <p:cxnSp>
            <p:nvCxnSpPr>
              <p:cNvPr id="120" name="Straight Arrow Connector 119"/>
              <p:cNvCxnSpPr/>
              <p:nvPr/>
            </p:nvCxnSpPr>
            <p:spPr>
              <a:xfrm rot="10800000">
                <a:off x="4037549" y="3604886"/>
                <a:ext cx="501892" cy="1588"/>
              </a:xfrm>
              <a:prstGeom prst="straightConnector1">
                <a:avLst/>
              </a:prstGeom>
              <a:noFill/>
              <a:ln w="9525" cap="flat" cmpd="sng" algn="ctr">
                <a:solidFill>
                  <a:srgbClr val="FFFFFF">
                    <a:lumMod val="50000"/>
                  </a:srgbClr>
                </a:solidFill>
                <a:prstDash val="solid"/>
                <a:headEnd type="none"/>
                <a:tailEnd type="oval"/>
              </a:ln>
              <a:effectLst/>
            </p:spPr>
          </p:cxnSp>
          <p:cxnSp>
            <p:nvCxnSpPr>
              <p:cNvPr id="121" name="Straight Arrow Connector 120"/>
              <p:cNvCxnSpPr/>
              <p:nvPr/>
            </p:nvCxnSpPr>
            <p:spPr>
              <a:xfrm rot="10800000">
                <a:off x="4037548" y="5042986"/>
                <a:ext cx="990342" cy="1588"/>
              </a:xfrm>
              <a:prstGeom prst="straightConnector1">
                <a:avLst/>
              </a:prstGeom>
              <a:noFill/>
              <a:ln w="9525" cap="flat" cmpd="sng" algn="ctr">
                <a:solidFill>
                  <a:srgbClr val="FFFFFF">
                    <a:lumMod val="50000"/>
                  </a:srgbClr>
                </a:solidFill>
                <a:prstDash val="solid"/>
                <a:tailEnd type="oval"/>
              </a:ln>
              <a:effectLst/>
            </p:spPr>
          </p:cxnSp>
          <p:cxnSp>
            <p:nvCxnSpPr>
              <p:cNvPr id="122" name="Straight Arrow Connector 121"/>
              <p:cNvCxnSpPr/>
              <p:nvPr/>
            </p:nvCxnSpPr>
            <p:spPr>
              <a:xfrm>
                <a:off x="7175586" y="5736049"/>
                <a:ext cx="823331" cy="1588"/>
              </a:xfrm>
              <a:prstGeom prst="straightConnector1">
                <a:avLst/>
              </a:prstGeom>
              <a:noFill/>
              <a:ln w="9525" cap="flat" cmpd="sng" algn="ctr">
                <a:solidFill>
                  <a:srgbClr val="FFFFFF">
                    <a:lumMod val="50000"/>
                  </a:srgbClr>
                </a:solidFill>
                <a:prstDash val="solid"/>
                <a:tailEnd type="oval"/>
              </a:ln>
              <a:effectLst/>
            </p:spPr>
          </p:cxnSp>
          <p:cxnSp>
            <p:nvCxnSpPr>
              <p:cNvPr id="123" name="Straight Arrow Connector 122"/>
              <p:cNvCxnSpPr/>
              <p:nvPr/>
            </p:nvCxnSpPr>
            <p:spPr>
              <a:xfrm>
                <a:off x="7556486" y="4341574"/>
                <a:ext cx="823331" cy="1588"/>
              </a:xfrm>
              <a:prstGeom prst="straightConnector1">
                <a:avLst/>
              </a:prstGeom>
              <a:noFill/>
              <a:ln w="9525" cap="flat" cmpd="sng" algn="ctr">
                <a:solidFill>
                  <a:srgbClr val="FFFFFF">
                    <a:lumMod val="50000"/>
                  </a:srgbClr>
                </a:solidFill>
                <a:prstDash val="solid"/>
                <a:tailEnd type="oval"/>
              </a:ln>
              <a:effectLst/>
            </p:spPr>
          </p:cxnSp>
          <p:sp>
            <p:nvSpPr>
              <p:cNvPr id="125" name="Oval 124"/>
              <p:cNvSpPr/>
              <p:nvPr/>
            </p:nvSpPr>
            <p:spPr>
              <a:xfrm>
                <a:off x="5639140" y="6280716"/>
                <a:ext cx="1280040" cy="218102"/>
              </a:xfrm>
              <a:prstGeom prst="ellipse">
                <a:avLst/>
              </a:prstGeom>
              <a:gradFill flip="none" rotWithShape="1">
                <a:gsLst>
                  <a:gs pos="0">
                    <a:srgbClr val="000000">
                      <a:lumMod val="65000"/>
                      <a:lumOff val="35000"/>
                      <a:alpha val="52000"/>
                    </a:srgbClr>
                  </a:gs>
                  <a:gs pos="100000">
                    <a:srgbClr val="000000">
                      <a:alpha val="0"/>
                    </a:srgbClr>
                  </a:gs>
                </a:gsLst>
                <a:path path="shape">
                  <a:fillToRect l="50000" t="50000" r="50000" b="50000"/>
                </a:path>
                <a:tileRect/>
              </a:gradFill>
              <a:ln w="25400" cap="flat" cmpd="sng" algn="ctr">
                <a:noFill/>
                <a:prstDash val="solid"/>
              </a:ln>
              <a:effectLst/>
            </p:spPr>
            <p:txBody>
              <a:bodyPr rtlCol="0" anchor="ctr"/>
              <a:lstStyle/>
              <a:p>
                <a:pPr marL="0" marR="0" lvl="0" indent="0" algn="ctr" defTabSz="914126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799" b="0" i="0" u="none" strike="noStrike" kern="0" cap="none" spc="0" normalizeH="0" baseline="0" noProof="0">
                  <a:ln>
                    <a:noFill/>
                  </a:ln>
                  <a:solidFill>
                    <a:sysClr val="window" lastClr="FFFFFF"/>
                  </a:solidFill>
                  <a:effectLst/>
                  <a:uLnTx/>
                  <a:uFillTx/>
                  <a:latin typeface="Calibri"/>
                </a:endParaRPr>
              </a:p>
            </p:txBody>
          </p:sp>
        </p:grpSp>
        <p:sp>
          <p:nvSpPr>
            <p:cNvPr id="107" name="TextBox 106"/>
            <p:cNvSpPr txBox="1"/>
            <p:nvPr/>
          </p:nvSpPr>
          <p:spPr>
            <a:xfrm flipH="1">
              <a:off x="660323" y="4657150"/>
              <a:ext cx="3109875" cy="762132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r" defTabSz="1218987"/>
              <a:r>
                <a:rPr lang="en-US" sz="1799" dirty="0" smtClean="0">
                  <a:solidFill>
                    <a:srgbClr val="595959"/>
                  </a:solidFill>
                  <a:cs typeface="Arial" pitchFamily="34" charset="0"/>
                </a:rPr>
                <a:t>General Merchandise</a:t>
              </a:r>
            </a:p>
            <a:p>
              <a:pPr algn="ctr" defTabSz="1218987"/>
              <a:r>
                <a:rPr lang="en-US" sz="1200" dirty="0" smtClean="0">
                  <a:solidFill>
                    <a:srgbClr val="595959"/>
                  </a:solidFill>
                  <a:cs typeface="Arial" pitchFamily="34" charset="0"/>
                </a:rPr>
                <a:t>(incl</a:t>
              </a:r>
              <a:r>
                <a:rPr lang="en-US" sz="1200" smtClean="0">
                  <a:solidFill>
                    <a:srgbClr val="595959"/>
                  </a:solidFill>
                  <a:cs typeface="Arial" pitchFamily="34" charset="0"/>
                </a:rPr>
                <a:t>. Cigarettes 13%) </a:t>
              </a:r>
              <a:endParaRPr lang="en-US" sz="1200" dirty="0">
                <a:solidFill>
                  <a:srgbClr val="595959"/>
                </a:solidFill>
                <a:cs typeface="Arial" pitchFamily="34" charset="0"/>
              </a:endParaRPr>
            </a:p>
          </p:txBody>
        </p:sp>
      </p:grpSp>
      <p:pic>
        <p:nvPicPr>
          <p:cNvPr id="43018" name="Picture 10" descr="http://www.divahair.ro/images/speciale/articole/articole_imagini/masha_florea_105/21.10.2013/131616138.jpg"/>
          <p:cNvPicPr>
            <a:picLocks noChangeAspect="1" noChangeArrowheads="1"/>
          </p:cNvPicPr>
          <p:nvPr/>
        </p:nvPicPr>
        <p:blipFill>
          <a:blip r:embed="rId10" cstate="print"/>
          <a:stretch>
            <a:fillRect/>
          </a:stretch>
        </p:blipFill>
        <p:spPr bwMode="auto">
          <a:xfrm>
            <a:off x="609600" y="549817"/>
            <a:ext cx="2133600" cy="1048930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  <a:extLst/>
        </p:spPr>
      </p:pic>
      <p:pic>
        <p:nvPicPr>
          <p:cNvPr id="43020" name="Picture 12" descr="http://www.iamwire.com/wp-content/uploads/2013/06/Food-products-on-HomeShop18.jpg"/>
          <p:cNvPicPr>
            <a:picLocks noChangeAspect="1" noChangeArrowheads="1"/>
          </p:cNvPicPr>
          <p:nvPr/>
        </p:nvPicPr>
        <p:blipFill>
          <a:blip r:embed="rId11" cstate="print"/>
          <a:stretch>
            <a:fillRect/>
          </a:stretch>
        </p:blipFill>
        <p:spPr bwMode="auto">
          <a:xfrm>
            <a:off x="6324602" y="933450"/>
            <a:ext cx="1782449" cy="1195132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  <a:extLst/>
        </p:spPr>
      </p:pic>
      <p:sp>
        <p:nvSpPr>
          <p:cNvPr id="3" name="TextBox 2"/>
          <p:cNvSpPr txBox="1"/>
          <p:nvPr/>
        </p:nvSpPr>
        <p:spPr>
          <a:xfrm>
            <a:off x="3581403" y="4286250"/>
            <a:ext cx="201850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 smtClean="0"/>
              <a:t>Sales contribution</a:t>
            </a:r>
            <a:endParaRPr lang="en-US" dirty="0"/>
          </a:p>
        </p:txBody>
      </p:sp>
      <p:pic>
        <p:nvPicPr>
          <p:cNvPr id="38" name="Picture 29"/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76989338"/>
      </p:ext>
    </p:ext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2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6" name="Slide Number Placeholder 25"/>
          <p:cNvSpPr>
            <a:spLocks noGrp="1"/>
          </p:cNvSpPr>
          <p:nvPr>
            <p:ph type="sldNum" sz="quarter" idx="4"/>
          </p:nvPr>
        </p:nvSpPr>
        <p:spPr>
          <a:xfrm>
            <a:off x="8183566" y="4731990"/>
            <a:ext cx="503237" cy="273844"/>
          </a:xfrm>
        </p:spPr>
        <p:txBody>
          <a:bodyPr/>
          <a:lstStyle/>
          <a:p>
            <a:pPr>
              <a:defRPr/>
            </a:pPr>
            <a:r>
              <a:rPr lang="fr-FR" smtClean="0"/>
              <a:t>| </a:t>
            </a:r>
            <a:r>
              <a:rPr lang="en-US" smtClean="0"/>
              <a:t> </a:t>
            </a:r>
            <a:fld id="{E8EA0C20-C23B-EC45-AFCE-E5370929061F}" type="slidenum">
              <a:rPr lang="en-US" smtClean="0"/>
              <a:pPr>
                <a:defRPr/>
              </a:pPr>
              <a:t>31</a:t>
            </a:fld>
            <a:endParaRPr lang="fr-FR"/>
          </a:p>
        </p:txBody>
      </p:sp>
      <p:sp>
        <p:nvSpPr>
          <p:cNvPr id="44" name="Content Placeholder 2"/>
          <p:cNvSpPr>
            <a:spLocks/>
          </p:cNvSpPr>
          <p:nvPr/>
        </p:nvSpPr>
        <p:spPr bwMode="auto">
          <a:xfrm>
            <a:off x="4733508" y="474982"/>
            <a:ext cx="3955855" cy="781049"/>
          </a:xfrm>
          <a:prstGeom prst="roundRect">
            <a:avLst/>
          </a:prstGeom>
          <a:solidFill>
            <a:schemeClr val="bg1"/>
          </a:solidFill>
          <a:ln>
            <a:solidFill>
              <a:schemeClr val="bg2">
                <a:lumMod val="40000"/>
                <a:lumOff val="60000"/>
              </a:schemeClr>
            </a:solidFill>
            <a:headEnd/>
            <a:tailEnd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lIns="91394" tIns="45697" rIns="91394" bIns="45697"/>
          <a:lstStyle/>
          <a:p>
            <a:pPr marL="0" marR="0" lvl="0" indent="0" defTabSz="456972" eaLnBrk="0" fontAlgn="auto" latinLnBrk="0" hangingPunct="0">
              <a:lnSpc>
                <a:spcPct val="80000"/>
              </a:lnSpc>
              <a:spcBef>
                <a:spcPct val="20000"/>
              </a:spcBef>
              <a:spcAft>
                <a:spcPts val="0"/>
              </a:spcAft>
              <a:buClr>
                <a:srgbClr val="F79646"/>
              </a:buClr>
              <a:buSzTx/>
              <a:buFontTx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	</a:t>
            </a:r>
            <a:r>
              <a:rPr kumimoji="0" lang="en-US" sz="2000" b="0" i="0" u="none" strike="noStrike" kern="0" cap="none" spc="0" normalizeH="0" baseline="0" noProof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22.3 </a:t>
            </a: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% Sales participation</a:t>
            </a:r>
          </a:p>
          <a:p>
            <a:pPr marL="0" marR="0" lvl="0" indent="0" defTabSz="456972" eaLnBrk="0" fontAlgn="auto" latinLnBrk="0" hangingPunct="0">
              <a:lnSpc>
                <a:spcPct val="80000"/>
              </a:lnSpc>
              <a:spcBef>
                <a:spcPct val="20000"/>
              </a:spcBef>
              <a:spcAft>
                <a:spcPts val="0"/>
              </a:spcAft>
              <a:buClr>
                <a:srgbClr val="F79646"/>
              </a:buClr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		</a:t>
            </a:r>
            <a:r>
              <a:rPr kumimoji="0" lang="en-US" sz="1400" b="0" i="1" u="none" strike="noStrike" kern="0" cap="none" spc="0" normalizeH="0" baseline="0" noProof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(16.1</a:t>
            </a:r>
            <a:r>
              <a:rPr kumimoji="0" lang="en-US" sz="1400" b="0" i="1" u="none" strike="noStrike" kern="0" cap="none" spc="0" normalizeH="0" baseline="0" noProof="0" dirty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% PB participation) </a:t>
            </a:r>
          </a:p>
          <a:p>
            <a:pPr marL="0" marR="0" lvl="0" indent="0" defTabSz="456972" eaLnBrk="0" fontAlgn="auto" latinLnBrk="0" hangingPunct="0">
              <a:lnSpc>
                <a:spcPct val="80000"/>
              </a:lnSpc>
              <a:spcBef>
                <a:spcPct val="20000"/>
              </a:spcBef>
              <a:spcAft>
                <a:spcPts val="0"/>
              </a:spcAft>
              <a:buClr>
                <a:srgbClr val="F79646"/>
              </a:buClr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prstClr val="black">
                  <a:lumMod val="65000"/>
                  <a:lumOff val="35000"/>
                </a:prstClr>
              </a:solidFill>
              <a:effectLst/>
              <a:uLnTx/>
              <a:uFillTx/>
              <a:latin typeface="Arial" pitchFamily="-65" charset="0"/>
              <a:cs typeface="Arial" charset="0"/>
            </a:endParaRPr>
          </a:p>
        </p:txBody>
      </p:sp>
      <p:sp>
        <p:nvSpPr>
          <p:cNvPr id="47" name="Content Placeholder 2"/>
          <p:cNvSpPr>
            <a:spLocks/>
          </p:cNvSpPr>
          <p:nvPr/>
        </p:nvSpPr>
        <p:spPr bwMode="auto">
          <a:xfrm>
            <a:off x="611707" y="464822"/>
            <a:ext cx="3248631" cy="781049"/>
          </a:xfrm>
          <a:prstGeom prst="roundRect">
            <a:avLst/>
          </a:prstGeom>
          <a:solidFill>
            <a:schemeClr val="bg1"/>
          </a:solidFill>
          <a:ln>
            <a:solidFill>
              <a:schemeClr val="bg2">
                <a:lumMod val="40000"/>
                <a:lumOff val="60000"/>
              </a:schemeClr>
            </a:solidFill>
            <a:headEnd/>
            <a:tailEnd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lIns="91394" tIns="45697" rIns="91394" bIns="45697"/>
          <a:lstStyle/>
          <a:p>
            <a:pPr marL="0" marR="0" lvl="0" indent="0" algn="ctr" defTabSz="456972" eaLnBrk="0" fontAlgn="auto" latinLnBrk="0" hangingPunct="0">
              <a:lnSpc>
                <a:spcPct val="80000"/>
              </a:lnSpc>
              <a:spcBef>
                <a:spcPct val="20000"/>
              </a:spcBef>
              <a:spcAft>
                <a:spcPts val="0"/>
              </a:spcAft>
              <a:buClr>
                <a:srgbClr val="F79646"/>
              </a:buClr>
              <a:buSzTx/>
              <a:buFontTx/>
              <a:buNone/>
              <a:tabLst/>
              <a:defRPr/>
            </a:pPr>
            <a:r>
              <a:rPr kumimoji="0" lang="en-US" sz="2000" b="0" i="0" u="none" strike="noStrike" kern="0" cap="none" spc="0" normalizeH="0" baseline="0" noProof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6,285 </a:t>
            </a: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SKUs </a:t>
            </a:r>
            <a:r>
              <a:rPr kumimoji="0" lang="en-US" sz="2000" b="0" i="0" u="none" strike="noStrike" kern="0" cap="none" spc="0" normalizeH="0" baseline="0" noProof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/>
            </a:r>
            <a:br>
              <a:rPr kumimoji="0" lang="en-US" sz="2000" b="0" i="0" u="none" strike="noStrike" kern="0" cap="none" spc="0" normalizeH="0" baseline="0" noProof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</a:br>
            <a:r>
              <a:rPr kumimoji="0" lang="en-US" sz="1400" b="0" i="0" u="none" strike="noStrike" kern="0" cap="none" spc="0" normalizeH="0" baseline="0" noProof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(3,633 </a:t>
            </a: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SKUs - </a:t>
            </a:r>
            <a:r>
              <a:rPr kumimoji="0" lang="en-US" sz="1400" b="0" i="0" u="none" strike="noStrike" kern="0" cap="none" spc="0" normalizeH="0" baseline="0" noProof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Private Brands; 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prstClr val="black">
                  <a:lumMod val="65000"/>
                  <a:lumOff val="35000"/>
                </a:prstClr>
              </a:solidFill>
              <a:effectLst/>
              <a:uLnTx/>
              <a:uFillTx/>
              <a:latin typeface="Arial" pitchFamily="-65" charset="0"/>
              <a:cs typeface="Arial" charset="0"/>
            </a:endParaRPr>
          </a:p>
          <a:p>
            <a:pPr marL="0" marR="0" lvl="0" indent="0" algn="ctr" defTabSz="456972" eaLnBrk="0" fontAlgn="auto" latinLnBrk="0" hangingPunct="0">
              <a:lnSpc>
                <a:spcPct val="80000"/>
              </a:lnSpc>
              <a:spcBef>
                <a:spcPct val="20000"/>
              </a:spcBef>
              <a:spcAft>
                <a:spcPts val="0"/>
              </a:spcAft>
              <a:buClr>
                <a:srgbClr val="F79646"/>
              </a:buClr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2,622 </a:t>
            </a: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SKUs - Exclusive </a:t>
            </a:r>
            <a:r>
              <a:rPr kumimoji="0" lang="en-US" sz="1400" b="0" i="0" u="none" strike="noStrike" kern="0" cap="none" spc="0" normalizeH="0" baseline="0" noProof="0" smtClean="0">
                <a:ln>
                  <a:noFill/>
                </a:ln>
                <a:solidFill>
                  <a:prstClr val="black">
                    <a:lumMod val="65000"/>
                    <a:lumOff val="35000"/>
                  </a:prstClr>
                </a:solidFill>
                <a:effectLst/>
                <a:uLnTx/>
                <a:uFillTx/>
                <a:latin typeface="Arial" pitchFamily="-65" charset="0"/>
                <a:cs typeface="Arial" charset="0"/>
              </a:rPr>
              <a:t>brands)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prstClr val="black">
                  <a:lumMod val="65000"/>
                  <a:lumOff val="35000"/>
                </a:prstClr>
              </a:solidFill>
              <a:effectLst/>
              <a:uLnTx/>
              <a:uFillTx/>
              <a:latin typeface="Arial" pitchFamily="-65" charset="0"/>
              <a:cs typeface="Arial" charset="0"/>
            </a:endParaRPr>
          </a:p>
          <a:p>
            <a:pPr marL="0" marR="0" lvl="0" indent="0" algn="ctr" defTabSz="456972" eaLnBrk="0" fontAlgn="auto" latinLnBrk="0" hangingPunct="0">
              <a:lnSpc>
                <a:spcPct val="80000"/>
              </a:lnSpc>
              <a:spcBef>
                <a:spcPct val="20000"/>
              </a:spcBef>
              <a:spcAft>
                <a:spcPts val="0"/>
              </a:spcAft>
              <a:buClr>
                <a:srgbClr val="F79646"/>
              </a:buClr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prstClr val="black">
                  <a:lumMod val="65000"/>
                  <a:lumOff val="35000"/>
                </a:prstClr>
              </a:solidFill>
              <a:effectLst/>
              <a:uLnTx/>
              <a:uFillTx/>
              <a:latin typeface="Arial" pitchFamily="-65" charset="0"/>
              <a:cs typeface="Arial" charset="0"/>
            </a:endParaRPr>
          </a:p>
        </p:txBody>
      </p:sp>
      <p:sp>
        <p:nvSpPr>
          <p:cNvPr id="79" name="Title 1"/>
          <p:cNvSpPr txBox="1">
            <a:spLocks/>
          </p:cNvSpPr>
          <p:nvPr/>
        </p:nvSpPr>
        <p:spPr bwMode="auto">
          <a:xfrm>
            <a:off x="685800" y="-37850"/>
            <a:ext cx="8672264" cy="3875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 kern="12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defRPr>
            </a:lvl1pPr>
            <a:lvl2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2pPr>
            <a:lvl3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3pPr>
            <a:lvl4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4pPr>
            <a:lvl5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5pPr>
            <a:lvl6pPr marL="456972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6pPr>
            <a:lvl7pPr marL="91394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7pPr>
            <a:lvl8pPr marL="137091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8pPr>
            <a:lvl9pPr marL="1827890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9pPr>
          </a:lstStyle>
          <a:p>
            <a:pPr>
              <a:defRPr/>
            </a:pPr>
            <a:r>
              <a:rPr lang="en-US" sz="2400" b="1" dirty="0"/>
              <a:t>Private Brand – Pivot of our differentiation strategy</a:t>
            </a:r>
          </a:p>
        </p:txBody>
      </p:sp>
      <p:grpSp>
        <p:nvGrpSpPr>
          <p:cNvPr id="48" name="Group 47"/>
          <p:cNvGrpSpPr/>
          <p:nvPr/>
        </p:nvGrpSpPr>
        <p:grpSpPr>
          <a:xfrm>
            <a:off x="1487245" y="1333029"/>
            <a:ext cx="6961990" cy="3643554"/>
            <a:chOff x="1466877" y="1568291"/>
            <a:chExt cx="7385022" cy="4032448"/>
          </a:xfrm>
        </p:grpSpPr>
        <p:grpSp>
          <p:nvGrpSpPr>
            <p:cNvPr id="52" name="Group 51"/>
            <p:cNvGrpSpPr/>
            <p:nvPr/>
          </p:nvGrpSpPr>
          <p:grpSpPr>
            <a:xfrm>
              <a:off x="1466877" y="1568291"/>
              <a:ext cx="6210246" cy="4032448"/>
              <a:chOff x="2832736" y="2035572"/>
              <a:chExt cx="6210246" cy="4032448"/>
            </a:xfrm>
          </p:grpSpPr>
          <p:grpSp>
            <p:nvGrpSpPr>
              <p:cNvPr id="55" name="Group 54"/>
              <p:cNvGrpSpPr/>
              <p:nvPr/>
            </p:nvGrpSpPr>
            <p:grpSpPr>
              <a:xfrm>
                <a:off x="2832736" y="2035572"/>
                <a:ext cx="6165523" cy="4032448"/>
                <a:chOff x="2908936" y="2035572"/>
                <a:chExt cx="6165523" cy="4032448"/>
              </a:xfrm>
            </p:grpSpPr>
            <p:grpSp>
              <p:nvGrpSpPr>
                <p:cNvPr id="57" name="Group 56"/>
                <p:cNvGrpSpPr/>
                <p:nvPr/>
              </p:nvGrpSpPr>
              <p:grpSpPr>
                <a:xfrm>
                  <a:off x="2908936" y="2035572"/>
                  <a:ext cx="5984956" cy="4032448"/>
                  <a:chOff x="2908936" y="2276872"/>
                  <a:chExt cx="5984956" cy="4032448"/>
                </a:xfrm>
              </p:grpSpPr>
              <p:grpSp>
                <p:nvGrpSpPr>
                  <p:cNvPr id="84" name="Group 83"/>
                  <p:cNvGrpSpPr/>
                  <p:nvPr/>
                </p:nvGrpSpPr>
                <p:grpSpPr>
                  <a:xfrm>
                    <a:off x="2908936" y="2276872"/>
                    <a:ext cx="5984956" cy="4032448"/>
                    <a:chOff x="35311" y="1052736"/>
                    <a:chExt cx="9225381" cy="5256584"/>
                  </a:xfrm>
                </p:grpSpPr>
                <p:cxnSp>
                  <p:nvCxnSpPr>
                    <p:cNvPr id="89" name="Straight Connector 88"/>
                    <p:cNvCxnSpPr/>
                    <p:nvPr/>
                  </p:nvCxnSpPr>
                  <p:spPr>
                    <a:xfrm rot="5400000" flipH="1" flipV="1">
                      <a:off x="4743851" y="-1238651"/>
                      <a:ext cx="1590" cy="9032092"/>
                    </a:xfrm>
                    <a:prstGeom prst="line">
                      <a:avLst/>
                    </a:prstGeom>
                    <a:noFill/>
                    <a:ln w="9525" cap="flat" cmpd="sng" algn="ctr">
                      <a:solidFill>
                        <a:srgbClr val="414141">
                          <a:lumMod val="60000"/>
                          <a:lumOff val="40000"/>
                        </a:srgbClr>
                      </a:solidFill>
                      <a:prstDash val="solid"/>
                    </a:ln>
                    <a:effectLst/>
                  </p:spPr>
                </p:cxnSp>
                <p:cxnSp>
                  <p:nvCxnSpPr>
                    <p:cNvPr id="90" name="Straight Connector 89"/>
                    <p:cNvCxnSpPr/>
                    <p:nvPr/>
                  </p:nvCxnSpPr>
                  <p:spPr>
                    <a:xfrm>
                      <a:off x="428596" y="2133600"/>
                      <a:ext cx="8715404" cy="1588"/>
                    </a:xfrm>
                    <a:prstGeom prst="line">
                      <a:avLst/>
                    </a:prstGeom>
                    <a:noFill/>
                    <a:ln w="9525" cap="flat" cmpd="sng" algn="ctr">
                      <a:solidFill>
                        <a:srgbClr val="414141">
                          <a:lumMod val="60000"/>
                          <a:lumOff val="40000"/>
                        </a:srgbClr>
                      </a:solidFill>
                      <a:prstDash val="solid"/>
                    </a:ln>
                    <a:effectLst/>
                  </p:spPr>
                </p:cxnSp>
                <p:cxnSp>
                  <p:nvCxnSpPr>
                    <p:cNvPr id="91" name="Straight Connector 90"/>
                    <p:cNvCxnSpPr/>
                    <p:nvPr/>
                  </p:nvCxnSpPr>
                  <p:spPr>
                    <a:xfrm>
                      <a:off x="428596" y="5517232"/>
                      <a:ext cx="8715404" cy="1588"/>
                    </a:xfrm>
                    <a:prstGeom prst="line">
                      <a:avLst/>
                    </a:prstGeom>
                    <a:noFill/>
                    <a:ln w="9525" cap="flat" cmpd="sng" algn="ctr">
                      <a:solidFill>
                        <a:srgbClr val="414141">
                          <a:lumMod val="60000"/>
                          <a:lumOff val="40000"/>
                        </a:srgbClr>
                      </a:solidFill>
                      <a:prstDash val="solid"/>
                    </a:ln>
                    <a:effectLst/>
                  </p:spPr>
                </p:cxnSp>
                <p:cxnSp>
                  <p:nvCxnSpPr>
                    <p:cNvPr id="92" name="Straight Connector 91"/>
                    <p:cNvCxnSpPr/>
                    <p:nvPr/>
                  </p:nvCxnSpPr>
                  <p:spPr>
                    <a:xfrm>
                      <a:off x="428596" y="1052736"/>
                      <a:ext cx="8715404" cy="1588"/>
                    </a:xfrm>
                    <a:prstGeom prst="line">
                      <a:avLst/>
                    </a:prstGeom>
                    <a:noFill/>
                    <a:ln w="9525" cap="flat" cmpd="sng" algn="ctr">
                      <a:solidFill>
                        <a:srgbClr val="414141">
                          <a:lumMod val="60000"/>
                          <a:lumOff val="40000"/>
                        </a:srgbClr>
                      </a:solidFill>
                      <a:prstDash val="solid"/>
                    </a:ln>
                    <a:effectLst/>
                  </p:spPr>
                </p:cxnSp>
                <p:cxnSp>
                  <p:nvCxnSpPr>
                    <p:cNvPr id="93" name="Straight Connector 92"/>
                    <p:cNvCxnSpPr/>
                    <p:nvPr/>
                  </p:nvCxnSpPr>
                  <p:spPr>
                    <a:xfrm>
                      <a:off x="387276" y="4581128"/>
                      <a:ext cx="8715404" cy="1588"/>
                    </a:xfrm>
                    <a:prstGeom prst="line">
                      <a:avLst/>
                    </a:prstGeom>
                    <a:noFill/>
                    <a:ln w="9525" cap="flat" cmpd="sng" algn="ctr">
                      <a:solidFill>
                        <a:srgbClr val="414141">
                          <a:lumMod val="60000"/>
                          <a:lumOff val="40000"/>
                        </a:srgbClr>
                      </a:solidFill>
                      <a:prstDash val="solid"/>
                    </a:ln>
                    <a:effectLst/>
                  </p:spPr>
                </p:cxnSp>
                <p:sp>
                  <p:nvSpPr>
                    <p:cNvPr id="94" name="Rectangle 93"/>
                    <p:cNvSpPr/>
                    <p:nvPr/>
                  </p:nvSpPr>
                  <p:spPr>
                    <a:xfrm>
                      <a:off x="38346" y="3276600"/>
                      <a:ext cx="2445422" cy="1304528"/>
                    </a:xfrm>
                    <a:prstGeom prst="rect">
                      <a:avLst/>
                    </a:prstGeom>
                    <a:solidFill>
                      <a:srgbClr val="C00000"/>
                    </a:solidFill>
                    <a:ln w="25400" cap="flat" cmpd="sng" algn="ctr">
                      <a:solidFill>
                        <a:srgbClr val="F4E8C6"/>
                      </a:solidFill>
                      <a:prstDash val="solid"/>
                    </a:ln>
                    <a:effectLst/>
                  </p:spPr>
                  <p:txBody>
                    <a:bodyPr vert="horz" tIns="91440" bIns="91440" rtlCol="0" anchor="ctr" anchorCtr="0"/>
                    <a:lstStyle/>
                    <a:p>
                      <a:pPr marL="0" marR="0" lvl="0" indent="0" algn="ctr" defTabSz="456972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nl-BE" sz="1800" b="0" i="0" u="none" strike="noStrike" kern="0" cap="none" spc="0" normalizeH="0" baseline="0" noProof="0" dirty="0" smtClean="0">
                          <a:ln>
                            <a:noFill/>
                          </a:ln>
                          <a:solidFill>
                            <a:prstClr val="white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Arial" pitchFamily="34" charset="0"/>
                        </a:rPr>
                        <a:t>Medium</a:t>
                      </a:r>
                    </a:p>
                  </p:txBody>
                </p:sp>
                <p:sp>
                  <p:nvSpPr>
                    <p:cNvPr id="95" name="Rectangle 94"/>
                    <p:cNvSpPr/>
                    <p:nvPr/>
                  </p:nvSpPr>
                  <p:spPr>
                    <a:xfrm>
                      <a:off x="35311" y="1071547"/>
                      <a:ext cx="2452499" cy="1062054"/>
                    </a:xfrm>
                    <a:prstGeom prst="rect">
                      <a:avLst/>
                    </a:prstGeom>
                    <a:solidFill>
                      <a:srgbClr val="C00000"/>
                    </a:solidFill>
                    <a:ln w="25400" cap="flat" cmpd="sng" algn="ctr">
                      <a:solidFill>
                        <a:srgbClr val="F4E8C6"/>
                      </a:solidFill>
                      <a:prstDash val="solid"/>
                    </a:ln>
                    <a:effectLst/>
                  </p:spPr>
                  <p:txBody>
                    <a:bodyPr vert="horz" tIns="91440" bIns="91440" rtlCol="0" anchor="ctr" anchorCtr="0"/>
                    <a:lstStyle/>
                    <a:p>
                      <a:pPr marL="0" marR="0" lvl="0" indent="0" algn="ctr" defTabSz="456972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fr-BE" sz="1800" b="0" i="0" u="none" strike="noStrike" kern="0" cap="none" spc="0" normalizeH="0" baseline="0" noProof="0" dirty="0" smtClean="0">
                          <a:ln>
                            <a:noFill/>
                          </a:ln>
                          <a:solidFill>
                            <a:prstClr val="white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Arial" pitchFamily="34" charset="0"/>
                        </a:rPr>
                        <a:t>Premium/</a:t>
                      </a:r>
                    </a:p>
                    <a:p>
                      <a:pPr marL="0" marR="0" lvl="0" indent="0" algn="ctr" defTabSz="456972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fr-BE" sz="1800" b="0" i="0" u="none" strike="noStrike" kern="0" cap="none" spc="0" normalizeH="0" baseline="0" noProof="0" dirty="0" smtClean="0">
                          <a:ln>
                            <a:noFill/>
                          </a:ln>
                          <a:solidFill>
                            <a:prstClr val="white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Arial" pitchFamily="34" charset="0"/>
                        </a:rPr>
                        <a:t>Niche</a:t>
                      </a:r>
                      <a:endParaRPr kumimoji="0" lang="en-US" sz="1800" b="0" i="0" u="none" strike="noStrike" kern="0" cap="none" spc="0" normalizeH="0" baseline="0" noProof="0" dirty="0" smtClean="0">
                        <a:ln>
                          <a:noFill/>
                        </a:ln>
                        <a:solidFill>
                          <a:srgbClr val="FF0000"/>
                        </a:solidFill>
                        <a:effectLst/>
                        <a:uLnTx/>
                        <a:uFillTx/>
                        <a:latin typeface="Arial"/>
                        <a:ea typeface="+mn-ea"/>
                        <a:cs typeface="Arial" pitchFamily="34" charset="0"/>
                      </a:endParaRPr>
                    </a:p>
                  </p:txBody>
                </p:sp>
                <p:sp>
                  <p:nvSpPr>
                    <p:cNvPr id="96" name="Rectangle 95"/>
                    <p:cNvSpPr/>
                    <p:nvPr/>
                  </p:nvSpPr>
                  <p:spPr>
                    <a:xfrm>
                      <a:off x="35311" y="4588411"/>
                      <a:ext cx="2452499" cy="913874"/>
                    </a:xfrm>
                    <a:prstGeom prst="rect">
                      <a:avLst/>
                    </a:prstGeom>
                    <a:solidFill>
                      <a:sysClr val="window" lastClr="FFFFFF">
                        <a:lumMod val="50000"/>
                      </a:sysClr>
                    </a:solidFill>
                    <a:ln w="25400" cap="flat" cmpd="sng" algn="ctr">
                      <a:solidFill>
                        <a:srgbClr val="F4E8C6"/>
                      </a:solidFill>
                      <a:prstDash val="solid"/>
                    </a:ln>
                    <a:effectLst/>
                  </p:spPr>
                  <p:txBody>
                    <a:bodyPr vert="horz" tIns="91440" bIns="91440" rtlCol="0" anchor="ctr" anchorCtr="0"/>
                    <a:lstStyle/>
                    <a:p>
                      <a:pPr marL="0" marR="0" lvl="0" indent="0" algn="ctr" defTabSz="456972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nl-BE" sz="1800" b="0" i="0" u="none" strike="noStrike" kern="0" cap="none" spc="0" normalizeH="0" baseline="0" noProof="0" dirty="0" smtClean="0">
                          <a:ln>
                            <a:noFill/>
                          </a:ln>
                          <a:solidFill>
                            <a:prstClr val="white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Arial" pitchFamily="34" charset="0"/>
                        </a:rPr>
                        <a:t>Low Tier</a:t>
                      </a:r>
                    </a:p>
                  </p:txBody>
                </p:sp>
                <p:sp>
                  <p:nvSpPr>
                    <p:cNvPr id="97" name="Rectangle 96"/>
                    <p:cNvSpPr/>
                    <p:nvPr/>
                  </p:nvSpPr>
                  <p:spPr>
                    <a:xfrm>
                      <a:off x="35496" y="2133600"/>
                      <a:ext cx="2448272" cy="1143000"/>
                    </a:xfrm>
                    <a:prstGeom prst="rect">
                      <a:avLst/>
                    </a:prstGeom>
                    <a:solidFill>
                      <a:sysClr val="window" lastClr="FFFFFF">
                        <a:lumMod val="50000"/>
                      </a:sysClr>
                    </a:solidFill>
                    <a:ln w="25400" cap="flat" cmpd="sng" algn="ctr">
                      <a:solidFill>
                        <a:srgbClr val="F4E8C6"/>
                      </a:solidFill>
                      <a:prstDash val="solid"/>
                    </a:ln>
                    <a:effectLst/>
                  </p:spPr>
                  <p:txBody>
                    <a:bodyPr vert="horz" tIns="91440" bIns="91440" rtlCol="0" anchor="ctr" anchorCtr="0"/>
                    <a:lstStyle/>
                    <a:p>
                      <a:pPr marL="0" marR="0" lvl="0" indent="0" algn="ctr" defTabSz="456972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nl-BE" sz="1800" b="0" i="0" u="none" strike="noStrike" kern="0" cap="none" spc="0" normalizeH="0" baseline="0" noProof="0" dirty="0" smtClean="0">
                          <a:ln>
                            <a:noFill/>
                          </a:ln>
                          <a:solidFill>
                            <a:prstClr val="white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Arial" pitchFamily="34" charset="0"/>
                        </a:rPr>
                        <a:t>Medium High</a:t>
                      </a:r>
                    </a:p>
                  </p:txBody>
                </p:sp>
                <p:sp>
                  <p:nvSpPr>
                    <p:cNvPr id="98" name="Rectangle 97"/>
                    <p:cNvSpPr/>
                    <p:nvPr/>
                  </p:nvSpPr>
                  <p:spPr>
                    <a:xfrm>
                      <a:off x="42388" y="5502285"/>
                      <a:ext cx="2445422" cy="807035"/>
                    </a:xfrm>
                    <a:prstGeom prst="rect">
                      <a:avLst/>
                    </a:prstGeom>
                    <a:solidFill>
                      <a:srgbClr val="C00000"/>
                    </a:solidFill>
                    <a:ln w="25400" cap="flat" cmpd="sng" algn="ctr">
                      <a:solidFill>
                        <a:srgbClr val="F4E8C6"/>
                      </a:solidFill>
                      <a:prstDash val="solid"/>
                    </a:ln>
                    <a:effectLst/>
                  </p:spPr>
                  <p:txBody>
                    <a:bodyPr vert="horz" tIns="91440" bIns="91440" rtlCol="0" anchor="ctr" anchorCtr="0"/>
                    <a:lstStyle/>
                    <a:p>
                      <a:pPr marL="0" marR="0" lvl="0" indent="0" algn="ctr" defTabSz="456972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nl-BE" sz="1800" b="0" i="0" u="none" strike="noStrike" kern="0" cap="none" spc="0" normalizeH="0" baseline="0" noProof="0" dirty="0" smtClean="0">
                          <a:ln>
                            <a:noFill/>
                          </a:ln>
                          <a:solidFill>
                            <a:prstClr val="white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Arial" pitchFamily="34" charset="0"/>
                        </a:rPr>
                        <a:t>1st Price</a:t>
                      </a:r>
                    </a:p>
                  </p:txBody>
                </p:sp>
                <p:pic>
                  <p:nvPicPr>
                    <p:cNvPr id="99" name="Picture 2" descr="http://cdn1.delhaizestatic.be/-/media/Images/Press/Media%20Library/Logos/logo_toi.jpg"/>
                    <p:cNvPicPr>
                      <a:picLocks noChangeAspect="1" noChangeArrowheads="1"/>
                    </p:cNvPicPr>
                    <p:nvPr/>
                  </p:nvPicPr>
                  <p:blipFill>
                    <a:blip r:embed="rId4" cstate="print">
                      <a:extLst>
                        <a:ext uri="{28A0092B-C50C-407E-A947-70E740481C1C}">
                          <a14:useLocalDpi xmlns:a14="http://schemas.microsoft.com/office/drawing/2010/main" val="0"/>
                        </a:ext>
                      </a:extLst>
                    </a:blip>
                    <a:srcRect/>
                    <a:stretch>
                      <a:fillRect/>
                    </a:stretch>
                  </p:blipFill>
                  <p:spPr bwMode="auto">
                    <a:xfrm>
                      <a:off x="2843808" y="1092979"/>
                      <a:ext cx="2615956" cy="996322"/>
                    </a:xfrm>
                    <a:prstGeom prst="rect">
                      <a:avLst/>
                    </a:prstGeom>
                    <a:noFill/>
                    <a:extLst>
                      <a:ext uri="{909E8E84-426E-40DD-AFC4-6F175D3DCCD1}">
                        <a14:hiddenFill xmlns:a14="http://schemas.microsoft.com/office/drawing/2010/main">
                          <a:solidFill>
                            <a:srgbClr val="FFFFFF"/>
                          </a:solidFill>
                        </a14:hiddenFill>
                      </a:ext>
                    </a:extLst>
                  </p:spPr>
                </p:pic>
                <p:pic>
                  <p:nvPicPr>
                    <p:cNvPr id="100" name="Picture 3"/>
                    <p:cNvPicPr>
                      <a:picLocks noChangeAspect="1" noChangeArrowheads="1"/>
                    </p:cNvPicPr>
                    <p:nvPr/>
                  </p:nvPicPr>
                  <p:blipFill>
                    <a:blip r:embed="rId5" cstate="print">
                      <a:extLst>
                        <a:ext uri="{28A0092B-C50C-407E-A947-70E740481C1C}">
                          <a14:useLocalDpi xmlns:a14="http://schemas.microsoft.com/office/drawing/2010/main" val="0"/>
                        </a:ext>
                      </a:extLst>
                    </a:blip>
                    <a:srcRect/>
                    <a:stretch>
                      <a:fillRect/>
                    </a:stretch>
                  </p:blipFill>
                  <p:spPr bwMode="auto">
                    <a:xfrm>
                      <a:off x="3454070" y="2169292"/>
                      <a:ext cx="2474591" cy="1014358"/>
                    </a:xfrm>
                    <a:prstGeom prst="rect">
                      <a:avLst/>
                    </a:prstGeom>
                    <a:noFill/>
                    <a:ln>
                      <a:noFill/>
                    </a:ln>
                    <a:effectLst/>
                    <a:extLst>
                      <a:ext uri="{909E8E84-426E-40DD-AFC4-6F175D3DCCD1}">
                        <a14:hiddenFill xmlns:a14="http://schemas.microsoft.com/office/drawing/2010/main">
                          <a:solidFill>
                            <a:schemeClr val="accent1"/>
                          </a:solidFill>
                        </a14:hiddenFill>
                      </a:ext>
                      <a:ext uri="{91240B29-F687-4F45-9708-019B960494DF}">
                        <a14:hiddenLine xmlns:a14="http://schemas.microsoft.com/office/drawing/2010/main" w="9525">
                          <a:solidFill>
                            <a:schemeClr val="tx1"/>
                          </a:solidFill>
                          <a:miter lim="800000"/>
                          <a:headEnd/>
                          <a:tailEnd/>
                        </a14:hiddenLine>
                      </a:ext>
                      <a:ext uri="{AF507438-7753-43E0-B8FC-AC1667EBCBE1}">
                        <a14:hiddenEffects xmlns:a14="http://schemas.microsoft.com/office/drawing/2010/main">
                          <a:effectLst>
                            <a:outerShdw dist="35921" dir="2700000" algn="ctr" rotWithShape="0">
                              <a:schemeClr val="bg2"/>
                            </a:outerShdw>
                          </a:effectLst>
                        </a14:hiddenEffects>
                      </a:ext>
                    </a:extLst>
                  </p:spPr>
                </p:pic>
                <p:pic>
                  <p:nvPicPr>
                    <p:cNvPr id="101" name="Picture 2" descr="https://encrypted-tbn0.gstatic.com/images?q=tbn:ANd9GcQMhW-d35mG2sNpFuhGnI3RFutTzITePIWv3DaxUEfuj_t_3lcZtLRCvxyGkw">
                      <a:hlinkClick r:id="rId6"/>
                    </p:cNvPr>
                    <p:cNvPicPr>
                      <a:picLocks noChangeAspect="1" noChangeArrowheads="1"/>
                    </p:cNvPicPr>
                    <p:nvPr/>
                  </p:nvPicPr>
                  <p:blipFill>
                    <a:blip r:embed="rId7">
                      <a:extLst>
                        <a:ext uri="{28A0092B-C50C-407E-A947-70E740481C1C}">
                          <a14:useLocalDpi xmlns:a14="http://schemas.microsoft.com/office/drawing/2010/main" val="0"/>
                        </a:ext>
                      </a:extLst>
                    </a:blip>
                    <a:srcRect/>
                    <a:stretch>
                      <a:fillRect/>
                    </a:stretch>
                  </p:blipFill>
                  <p:spPr bwMode="auto">
                    <a:xfrm>
                      <a:off x="2572265" y="3313111"/>
                      <a:ext cx="1212726" cy="1212726"/>
                    </a:xfrm>
                    <a:prstGeom prst="rect">
                      <a:avLst/>
                    </a:prstGeom>
                    <a:noFill/>
                    <a:extLst>
                      <a:ext uri="{909E8E84-426E-40DD-AFC4-6F175D3DCCD1}">
                        <a14:hiddenFill xmlns:a14="http://schemas.microsoft.com/office/drawing/2010/main">
                          <a:solidFill>
                            <a:srgbClr val="FFFFFF"/>
                          </a:solidFill>
                        </a14:hiddenFill>
                      </a:ext>
                    </a:extLst>
                  </p:spPr>
                </p:pic>
                <p:pic>
                  <p:nvPicPr>
                    <p:cNvPr id="102" name="Picture 30"/>
                    <p:cNvPicPr>
                      <a:picLocks noChangeAspect="1" noChangeArrowheads="1"/>
                    </p:cNvPicPr>
                    <p:nvPr/>
                  </p:nvPicPr>
                  <p:blipFill>
                    <a:blip r:embed="rId8"/>
                    <a:srcRect/>
                    <a:stretch>
                      <a:fillRect/>
                    </a:stretch>
                  </p:blipFill>
                  <p:spPr bwMode="auto">
                    <a:xfrm>
                      <a:off x="4616327" y="4610911"/>
                      <a:ext cx="1973275" cy="860302"/>
                    </a:xfrm>
                    <a:prstGeom prst="rect">
                      <a:avLst/>
                    </a:prstGeom>
                    <a:noFill/>
                    <a:ln w="9525">
                      <a:noFill/>
                      <a:miter lim="800000"/>
                      <a:headEnd/>
                      <a:tailEnd/>
                    </a:ln>
                  </p:spPr>
                </p:pic>
                <p:pic>
                  <p:nvPicPr>
                    <p:cNvPr id="103" name="Picture 41"/>
                    <p:cNvPicPr>
                      <a:picLocks noChangeAspect="1" noChangeArrowheads="1"/>
                    </p:cNvPicPr>
                    <p:nvPr/>
                  </p:nvPicPr>
                  <p:blipFill>
                    <a:blip r:embed="rId9"/>
                    <a:srcRect/>
                    <a:stretch>
                      <a:fillRect/>
                    </a:stretch>
                  </p:blipFill>
                  <p:spPr bwMode="auto">
                    <a:xfrm>
                      <a:off x="5817665" y="1088327"/>
                      <a:ext cx="1693426" cy="911844"/>
                    </a:xfrm>
                    <a:prstGeom prst="rect">
                      <a:avLst/>
                    </a:prstGeom>
                    <a:noFill/>
                    <a:ln w="9525">
                      <a:noFill/>
                      <a:miter lim="800000"/>
                      <a:headEnd/>
                      <a:tailEnd/>
                    </a:ln>
                  </p:spPr>
                </p:pic>
              </p:grpSp>
              <p:pic>
                <p:nvPicPr>
                  <p:cNvPr id="85" name="Picture 1191"/>
                  <p:cNvPicPr>
                    <a:picLocks noChangeAspect="1" noChangeArrowheads="1"/>
                  </p:cNvPicPr>
                  <p:nvPr/>
                </p:nvPicPr>
                <p:blipFill>
                  <a:blip r:embed="rId10"/>
                  <a:srcRect/>
                  <a:stretch>
                    <a:fillRect/>
                  </a:stretch>
                </p:blipFill>
                <p:spPr bwMode="auto">
                  <a:xfrm>
                    <a:off x="7569455" y="4105925"/>
                    <a:ext cx="822960" cy="835243"/>
                  </a:xfrm>
                  <a:prstGeom prst="rect">
                    <a:avLst/>
                  </a:prstGeom>
                  <a:noFill/>
                  <a:ln w="9525">
                    <a:noFill/>
                    <a:miter lim="800000"/>
                    <a:headEnd/>
                    <a:tailEnd/>
                  </a:ln>
                </p:spPr>
              </p:pic>
              <p:pic>
                <p:nvPicPr>
                  <p:cNvPr id="86" name="Picture 10"/>
                  <p:cNvPicPr>
                    <a:picLocks noChangeAspect="1" noChangeArrowheads="1"/>
                  </p:cNvPicPr>
                  <p:nvPr/>
                </p:nvPicPr>
                <p:blipFill>
                  <a:blip r:embed="rId11"/>
                  <a:srcRect/>
                  <a:stretch>
                    <a:fillRect/>
                  </a:stretch>
                </p:blipFill>
                <p:spPr bwMode="auto">
                  <a:xfrm>
                    <a:off x="8028384" y="2348880"/>
                    <a:ext cx="731520" cy="685169"/>
                  </a:xfrm>
                  <a:prstGeom prst="rect">
                    <a:avLst/>
                  </a:prstGeom>
                  <a:noFill/>
                  <a:ln w="9525">
                    <a:solidFill>
                      <a:srgbClr val="000000"/>
                    </a:solidFill>
                    <a:miter lim="800000"/>
                    <a:headEnd/>
                    <a:tailEnd/>
                  </a:ln>
                </p:spPr>
              </p:pic>
              <p:pic>
                <p:nvPicPr>
                  <p:cNvPr id="87" name="Picture 17"/>
                  <p:cNvPicPr>
                    <a:picLocks noChangeAspect="1" noChangeArrowheads="1"/>
                  </p:cNvPicPr>
                  <p:nvPr/>
                </p:nvPicPr>
                <p:blipFill>
                  <a:blip r:embed="rId12"/>
                  <a:srcRect/>
                  <a:stretch>
                    <a:fillRect/>
                  </a:stretch>
                </p:blipFill>
                <p:spPr bwMode="auto">
                  <a:xfrm>
                    <a:off x="5853205" y="4019774"/>
                    <a:ext cx="1167067" cy="462925"/>
                  </a:xfrm>
                  <a:prstGeom prst="rect">
                    <a:avLst/>
                  </a:prstGeom>
                  <a:noFill/>
                  <a:ln w="9525">
                    <a:noFill/>
                    <a:miter lim="800000"/>
                    <a:headEnd/>
                    <a:tailEnd/>
                  </a:ln>
                </p:spPr>
              </p:pic>
              <p:cxnSp>
                <p:nvCxnSpPr>
                  <p:cNvPr id="88" name="Straight Connector 87"/>
                  <p:cNvCxnSpPr/>
                  <p:nvPr/>
                </p:nvCxnSpPr>
                <p:spPr>
                  <a:xfrm>
                    <a:off x="3166363" y="6308102"/>
                    <a:ext cx="5654109" cy="1218"/>
                  </a:xfrm>
                  <a:prstGeom prst="line">
                    <a:avLst/>
                  </a:prstGeom>
                  <a:noFill/>
                  <a:ln w="9525" cap="flat" cmpd="sng" algn="ctr">
                    <a:solidFill>
                      <a:srgbClr val="414141">
                        <a:lumMod val="60000"/>
                        <a:lumOff val="40000"/>
                      </a:srgbClr>
                    </a:solidFill>
                    <a:prstDash val="solid"/>
                  </a:ln>
                  <a:effectLst/>
                </p:spPr>
              </p:cxnSp>
            </p:grpSp>
            <p:sp>
              <p:nvSpPr>
                <p:cNvPr id="58" name="Rounded Rectangular Callout 57"/>
                <p:cNvSpPr/>
                <p:nvPr/>
              </p:nvSpPr>
              <p:spPr>
                <a:xfrm>
                  <a:off x="6876256" y="4346253"/>
                  <a:ext cx="566154" cy="405385"/>
                </a:xfrm>
                <a:prstGeom prst="wedgeRoundRectCallout">
                  <a:avLst>
                    <a:gd name="adj1" fmla="val -39269"/>
                    <a:gd name="adj2" fmla="val -89127"/>
                    <a:gd name="adj3" fmla="val 16667"/>
                  </a:avLst>
                </a:prstGeom>
                <a:solidFill>
                  <a:sysClr val="window" lastClr="FFFFFF">
                    <a:lumMod val="95000"/>
                  </a:sysClr>
                </a:solidFill>
                <a:ln w="9525" cap="flat" cmpd="sng" algn="ctr">
                  <a:solidFill>
                    <a:srgbClr val="C00000"/>
                  </a:solidFill>
                  <a:prstDash val="solid"/>
                </a:ln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p:spPr>
              <p:txBody>
                <a:bodyPr rtlCol="0" anchor="ctr"/>
                <a:lstStyle/>
                <a:p>
                  <a:pPr marL="0" marR="0" lvl="0" indent="0" algn="ctr" defTabSz="456972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sz="11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 pitchFamily="34" charset="0"/>
                      <a:ea typeface="+mn-ea"/>
                      <a:cs typeface="+mn-cs"/>
                    </a:rPr>
                    <a:t>217 SKUs</a:t>
                  </a:r>
                  <a:endParaRPr kumimoji="0" lang="en-US" sz="11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Calibri" panose="020F0502020204030204" pitchFamily="34" charset="0"/>
                    <a:ea typeface="+mn-ea"/>
                    <a:cs typeface="+mn-cs"/>
                  </a:endParaRPr>
                </a:p>
              </p:txBody>
            </p:sp>
            <p:sp>
              <p:nvSpPr>
                <p:cNvPr id="75" name="Rounded Rectangular Callout 74"/>
                <p:cNvSpPr/>
                <p:nvPr/>
              </p:nvSpPr>
              <p:spPr>
                <a:xfrm>
                  <a:off x="7102190" y="5058413"/>
                  <a:ext cx="566154" cy="405385"/>
                </a:xfrm>
                <a:prstGeom prst="wedgeRoundRectCallout">
                  <a:avLst>
                    <a:gd name="adj1" fmla="val -46960"/>
                    <a:gd name="adj2" fmla="val -86442"/>
                    <a:gd name="adj3" fmla="val 16667"/>
                  </a:avLst>
                </a:prstGeom>
                <a:solidFill>
                  <a:sysClr val="window" lastClr="FFFFFF">
                    <a:lumMod val="95000"/>
                  </a:sysClr>
                </a:solidFill>
                <a:ln w="9525" cap="flat" cmpd="sng" algn="ctr">
                  <a:solidFill>
                    <a:srgbClr val="C00000"/>
                  </a:solidFill>
                  <a:prstDash val="solid"/>
                </a:ln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p:spPr>
              <p:txBody>
                <a:bodyPr rtlCol="0" anchor="ctr"/>
                <a:lstStyle/>
                <a:p>
                  <a:pPr marL="0" marR="0" lvl="0" indent="0" algn="ctr" defTabSz="456972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sz="11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 pitchFamily="34" charset="0"/>
                      <a:ea typeface="+mn-ea"/>
                      <a:cs typeface="+mn-cs"/>
                    </a:rPr>
                    <a:t>717 SKus</a:t>
                  </a:r>
                  <a:endParaRPr kumimoji="0" lang="en-US" sz="11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Calibri" panose="020F0502020204030204" pitchFamily="34" charset="0"/>
                    <a:ea typeface="+mn-ea"/>
                    <a:cs typeface="+mn-cs"/>
                  </a:endParaRPr>
                </a:p>
              </p:txBody>
            </p:sp>
            <p:sp>
              <p:nvSpPr>
                <p:cNvPr id="76" name="Rounded Rectangular Callout 75"/>
                <p:cNvSpPr/>
                <p:nvPr/>
              </p:nvSpPr>
              <p:spPr>
                <a:xfrm>
                  <a:off x="8476827" y="4083666"/>
                  <a:ext cx="566154" cy="405385"/>
                </a:xfrm>
                <a:prstGeom prst="wedgeRoundRectCallout">
                  <a:avLst>
                    <a:gd name="adj1" fmla="val -67771"/>
                    <a:gd name="adj2" fmla="val -16150"/>
                    <a:gd name="adj3" fmla="val 16667"/>
                  </a:avLst>
                </a:prstGeom>
                <a:solidFill>
                  <a:sysClr val="window" lastClr="FFFFFF">
                    <a:lumMod val="95000"/>
                  </a:sysClr>
                </a:solidFill>
                <a:ln w="9525" cap="flat" cmpd="sng" algn="ctr">
                  <a:solidFill>
                    <a:srgbClr val="C00000"/>
                  </a:solidFill>
                  <a:prstDash val="solid"/>
                </a:ln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p:spPr>
              <p:txBody>
                <a:bodyPr rtlCol="0" anchor="ctr"/>
                <a:lstStyle/>
                <a:p>
                  <a:pPr marL="0" marR="0" lvl="0" indent="0" algn="ctr" defTabSz="456972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sz="11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 pitchFamily="34" charset="0"/>
                      <a:ea typeface="+mn-ea"/>
                      <a:cs typeface="+mn-cs"/>
                    </a:rPr>
                    <a:t>65 SKus</a:t>
                  </a:r>
                  <a:endParaRPr kumimoji="0" lang="en-US" sz="11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Calibri" panose="020F0502020204030204" pitchFamily="34" charset="0"/>
                    <a:ea typeface="+mn-ea"/>
                    <a:cs typeface="+mn-cs"/>
                  </a:endParaRPr>
                </a:p>
              </p:txBody>
            </p:sp>
            <p:sp>
              <p:nvSpPr>
                <p:cNvPr id="77" name="Rounded Rectangular Callout 76"/>
                <p:cNvSpPr/>
                <p:nvPr/>
              </p:nvSpPr>
              <p:spPr>
                <a:xfrm>
                  <a:off x="5433501" y="4326875"/>
                  <a:ext cx="566154" cy="405385"/>
                </a:xfrm>
                <a:prstGeom prst="wedgeRoundRectCallout">
                  <a:avLst>
                    <a:gd name="adj1" fmla="val -72521"/>
                    <a:gd name="adj2" fmla="val 17021"/>
                    <a:gd name="adj3" fmla="val 16667"/>
                  </a:avLst>
                </a:prstGeom>
                <a:solidFill>
                  <a:sysClr val="window" lastClr="FFFFFF">
                    <a:lumMod val="95000"/>
                  </a:sysClr>
                </a:solidFill>
                <a:ln w="9525" cap="flat" cmpd="sng" algn="ctr">
                  <a:solidFill>
                    <a:srgbClr val="C00000"/>
                  </a:solidFill>
                  <a:prstDash val="solid"/>
                </a:ln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p:spPr>
              <p:txBody>
                <a:bodyPr rtlCol="0" anchor="ctr"/>
                <a:lstStyle/>
                <a:p>
                  <a:pPr marL="0" marR="0" lvl="0" indent="0" algn="ctr" defTabSz="456972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lang="en-US" sz="1100" b="0" kern="0" smtClean="0">
                      <a:solidFill>
                        <a:prstClr val="black"/>
                      </a:solidFill>
                      <a:latin typeface="Calibri" panose="020F0502020204030204" pitchFamily="34" charset="0"/>
                    </a:rPr>
                    <a:t>884 </a:t>
                  </a:r>
                  <a:r>
                    <a:rPr kumimoji="0" lang="en-US" sz="11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 pitchFamily="34" charset="0"/>
                      <a:ea typeface="+mn-ea"/>
                      <a:cs typeface="+mn-cs"/>
                    </a:rPr>
                    <a:t>SKUs</a:t>
                  </a:r>
                  <a:endParaRPr kumimoji="0" lang="en-US" sz="11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Calibri" panose="020F0502020204030204" pitchFamily="34" charset="0"/>
                    <a:ea typeface="+mn-ea"/>
                    <a:cs typeface="+mn-cs"/>
                  </a:endParaRPr>
                </a:p>
              </p:txBody>
            </p:sp>
            <p:sp>
              <p:nvSpPr>
                <p:cNvPr id="78" name="Rounded Rectangular Callout 77"/>
                <p:cNvSpPr/>
                <p:nvPr/>
              </p:nvSpPr>
              <p:spPr>
                <a:xfrm>
                  <a:off x="6886166" y="3191089"/>
                  <a:ext cx="566154" cy="405385"/>
                </a:xfrm>
                <a:prstGeom prst="wedgeRoundRectCallout">
                  <a:avLst>
                    <a:gd name="adj1" fmla="val -77271"/>
                    <a:gd name="adj2" fmla="val -29419"/>
                    <a:gd name="adj3" fmla="val 16667"/>
                  </a:avLst>
                </a:prstGeom>
                <a:solidFill>
                  <a:sysClr val="window" lastClr="FFFFFF">
                    <a:lumMod val="95000"/>
                  </a:sysClr>
                </a:solidFill>
                <a:ln w="9525" cap="flat" cmpd="sng" algn="ctr">
                  <a:solidFill>
                    <a:srgbClr val="C00000"/>
                  </a:solidFill>
                  <a:prstDash val="solid"/>
                </a:ln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p:spPr>
              <p:txBody>
                <a:bodyPr rtlCol="0" anchor="ctr"/>
                <a:lstStyle/>
                <a:p>
                  <a:pPr marL="0" marR="0" lvl="0" indent="0" algn="ctr" defTabSz="456972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sz="11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 pitchFamily="34" charset="0"/>
                      <a:ea typeface="+mn-ea"/>
                      <a:cs typeface="+mn-cs"/>
                    </a:rPr>
                    <a:t>346 SKUs</a:t>
                  </a:r>
                  <a:endParaRPr kumimoji="0" lang="en-US" sz="11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Calibri" panose="020F0502020204030204" pitchFamily="34" charset="0"/>
                    <a:ea typeface="+mn-ea"/>
                    <a:cs typeface="+mn-cs"/>
                  </a:endParaRPr>
                </a:p>
              </p:txBody>
            </p:sp>
            <p:sp>
              <p:nvSpPr>
                <p:cNvPr id="80" name="Rounded Rectangular Callout 79"/>
                <p:cNvSpPr/>
                <p:nvPr/>
              </p:nvSpPr>
              <p:spPr>
                <a:xfrm>
                  <a:off x="8508305" y="2830745"/>
                  <a:ext cx="566154" cy="405385"/>
                </a:xfrm>
                <a:prstGeom prst="wedgeRoundRectCallout">
                  <a:avLst>
                    <a:gd name="adj1" fmla="val -72521"/>
                    <a:gd name="adj2" fmla="val -65907"/>
                    <a:gd name="adj3" fmla="val 16667"/>
                  </a:avLst>
                </a:prstGeom>
                <a:solidFill>
                  <a:sysClr val="window" lastClr="FFFFFF">
                    <a:lumMod val="95000"/>
                  </a:sysClr>
                </a:solidFill>
                <a:ln w="9525" cap="flat" cmpd="sng" algn="ctr">
                  <a:solidFill>
                    <a:srgbClr val="C00000"/>
                  </a:solidFill>
                  <a:prstDash val="solid"/>
                </a:ln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p:spPr>
              <p:txBody>
                <a:bodyPr rtlCol="0" anchor="ctr"/>
                <a:lstStyle/>
                <a:p>
                  <a:pPr marL="0" marR="0" lvl="0" indent="0" algn="ctr" defTabSz="456972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lang="en-US" sz="1100" b="0" kern="0" smtClean="0">
                      <a:solidFill>
                        <a:prstClr val="black"/>
                      </a:solidFill>
                      <a:latin typeface="Calibri" panose="020F0502020204030204" pitchFamily="34" charset="0"/>
                    </a:rPr>
                    <a:t>41</a:t>
                  </a:r>
                  <a:r>
                    <a:rPr kumimoji="0" lang="en-US" sz="11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 pitchFamily="34" charset="0"/>
                      <a:ea typeface="+mn-ea"/>
                      <a:cs typeface="+mn-cs"/>
                    </a:rPr>
                    <a:t> </a:t>
                  </a:r>
                  <a:r>
                    <a:rPr kumimoji="0" lang="en-US" sz="1100" b="0" i="0" u="none" strike="noStrike" kern="0" cap="none" spc="0" normalizeH="0" baseline="0" noProof="0" dirty="0" smtClean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 pitchFamily="34" charset="0"/>
                      <a:ea typeface="+mn-ea"/>
                      <a:cs typeface="+mn-cs"/>
                    </a:rPr>
                    <a:t>SKUs</a:t>
                  </a:r>
                </a:p>
              </p:txBody>
            </p:sp>
            <p:sp>
              <p:nvSpPr>
                <p:cNvPr id="81" name="Rounded Rectangular Callout 80"/>
                <p:cNvSpPr/>
                <p:nvPr/>
              </p:nvSpPr>
              <p:spPr>
                <a:xfrm>
                  <a:off x="4665083" y="2662035"/>
                  <a:ext cx="566154" cy="405385"/>
                </a:xfrm>
                <a:prstGeom prst="wedgeRoundRectCallout">
                  <a:avLst>
                    <a:gd name="adj1" fmla="val 39111"/>
                    <a:gd name="adj2" fmla="val -75858"/>
                    <a:gd name="adj3" fmla="val 16667"/>
                  </a:avLst>
                </a:prstGeom>
                <a:solidFill>
                  <a:sysClr val="window" lastClr="FFFFFF">
                    <a:lumMod val="95000"/>
                  </a:sysClr>
                </a:solidFill>
                <a:ln w="9525" cap="flat" cmpd="sng" algn="ctr">
                  <a:solidFill>
                    <a:srgbClr val="C00000"/>
                  </a:solidFill>
                  <a:prstDash val="solid"/>
                </a:ln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p:spPr>
              <p:txBody>
                <a:bodyPr rtlCol="0" anchor="ctr"/>
                <a:lstStyle/>
                <a:p>
                  <a:pPr marL="0" marR="0" lvl="0" indent="0" algn="ctr" defTabSz="456972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sz="11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 pitchFamily="34" charset="0"/>
                      <a:ea typeface="+mn-ea"/>
                      <a:cs typeface="+mn-cs"/>
                    </a:rPr>
                    <a:t>56 SKUs</a:t>
                  </a:r>
                  <a:endParaRPr kumimoji="0" lang="en-US" sz="11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Calibri" panose="020F0502020204030204" pitchFamily="34" charset="0"/>
                    <a:ea typeface="+mn-ea"/>
                    <a:cs typeface="+mn-cs"/>
                  </a:endParaRPr>
                </a:p>
              </p:txBody>
            </p:sp>
            <p:sp>
              <p:nvSpPr>
                <p:cNvPr id="82" name="Rounded Rectangular Callout 81"/>
                <p:cNvSpPr/>
                <p:nvPr/>
              </p:nvSpPr>
              <p:spPr>
                <a:xfrm>
                  <a:off x="6144967" y="2590056"/>
                  <a:ext cx="566154" cy="405385"/>
                </a:xfrm>
                <a:prstGeom prst="wedgeRoundRectCallout">
                  <a:avLst>
                    <a:gd name="adj1" fmla="val 39111"/>
                    <a:gd name="adj2" fmla="val -75858"/>
                    <a:gd name="adj3" fmla="val 16667"/>
                  </a:avLst>
                </a:prstGeom>
                <a:solidFill>
                  <a:sysClr val="window" lastClr="FFFFFF">
                    <a:lumMod val="95000"/>
                  </a:sysClr>
                </a:solidFill>
                <a:ln w="9525" cap="flat" cmpd="sng" algn="ctr">
                  <a:solidFill>
                    <a:srgbClr val="C00000"/>
                  </a:solidFill>
                  <a:prstDash val="solid"/>
                </a:ln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p:spPr>
              <p:txBody>
                <a:bodyPr rtlCol="0" anchor="ctr"/>
                <a:lstStyle/>
                <a:p>
                  <a:pPr marL="0" marR="0" lvl="0" indent="0" algn="ctr" defTabSz="456972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sz="1100" b="0" i="0" u="none" strike="noStrike" kern="0" cap="none" spc="0" normalizeH="0" baseline="0" noProof="0" smtClean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 pitchFamily="34" charset="0"/>
                      <a:ea typeface="+mn-ea"/>
                      <a:cs typeface="+mn-cs"/>
                    </a:rPr>
                    <a:t>109 SKUs</a:t>
                  </a:r>
                  <a:endParaRPr kumimoji="0" lang="en-US" sz="1100" b="0" i="0" u="none" strike="noStrike" kern="0" cap="none" spc="0" normalizeH="0" baseline="0" noProof="0" dirty="0" smtClean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Calibri" panose="020F0502020204030204" pitchFamily="34" charset="0"/>
                    <a:ea typeface="+mn-ea"/>
                    <a:cs typeface="+mn-cs"/>
                  </a:endParaRPr>
                </a:p>
              </p:txBody>
            </p:sp>
            <p:sp>
              <p:nvSpPr>
                <p:cNvPr id="83" name="TextBox 82"/>
                <p:cNvSpPr txBox="1"/>
                <p:nvPr/>
              </p:nvSpPr>
              <p:spPr>
                <a:xfrm>
                  <a:off x="4514635" y="5623540"/>
                  <a:ext cx="3905992" cy="340628"/>
                </a:xfrm>
                <a:prstGeom prst="rect">
                  <a:avLst/>
                </a:prstGeom>
                <a:noFill/>
              </p:spPr>
              <p:txBody>
                <a:bodyPr wrap="square" rtlCol="0">
                  <a:spAutoFit/>
                </a:bodyPr>
                <a:lstStyle/>
                <a:p>
                  <a:pPr lvl="1"/>
                  <a:r>
                    <a:rPr lang="it-IT" sz="1400" smtClean="0">
                      <a:latin typeface="+mj-lt"/>
                    </a:rPr>
                    <a:t>C-Brands</a:t>
                  </a:r>
                  <a:endParaRPr lang="en-US" sz="1400" b="0" dirty="0">
                    <a:latin typeface="+mj-lt"/>
                  </a:endParaRPr>
                </a:p>
              </p:txBody>
            </p:sp>
          </p:grpSp>
          <p:sp>
            <p:nvSpPr>
              <p:cNvPr id="56" name="Rectangle 55"/>
              <p:cNvSpPr/>
              <p:nvPr/>
            </p:nvSpPr>
            <p:spPr>
              <a:xfrm>
                <a:off x="7399058" y="3268092"/>
                <a:ext cx="1643924" cy="461665"/>
              </a:xfrm>
              <a:prstGeom prst="rect">
                <a:avLst/>
              </a:prstGeom>
            </p:spPr>
            <p:txBody>
              <a:bodyPr wrap="square">
                <a:spAutoFit/>
              </a:bodyPr>
              <a:lstStyle/>
              <a:p>
                <a:pPr defTabSz="456972"/>
                <a:r>
                  <a:rPr lang="en-US" sz="800" smtClean="0">
                    <a:solidFill>
                      <a:prstClr val="black"/>
                    </a:solidFill>
                    <a:latin typeface="Arial" pitchFamily="-65" charset="0"/>
                  </a:rPr>
                  <a:t>Local </a:t>
                </a:r>
                <a:r>
                  <a:rPr lang="en-US" sz="800" dirty="0">
                    <a:solidFill>
                      <a:prstClr val="black"/>
                    </a:solidFill>
                    <a:latin typeface="Arial" pitchFamily="-65" charset="0"/>
                  </a:rPr>
                  <a:t>Private Brand related </a:t>
                </a:r>
                <a:endParaRPr lang="en-US" sz="800" dirty="0" smtClean="0">
                  <a:solidFill>
                    <a:prstClr val="black"/>
                  </a:solidFill>
                  <a:latin typeface="Arial" pitchFamily="-65" charset="0"/>
                </a:endParaRPr>
              </a:p>
              <a:p>
                <a:pPr defTabSz="456972"/>
                <a:r>
                  <a:rPr lang="en-US" sz="800" dirty="0" smtClean="0">
                    <a:solidFill>
                      <a:prstClr val="black"/>
                    </a:solidFill>
                    <a:latin typeface="Arial" pitchFamily="-65" charset="0"/>
                  </a:rPr>
                  <a:t>to </a:t>
                </a:r>
                <a:r>
                  <a:rPr lang="en-US" sz="800" dirty="0">
                    <a:solidFill>
                      <a:prstClr val="black"/>
                    </a:solidFill>
                    <a:latin typeface="Arial" pitchFamily="-65" charset="0"/>
                  </a:rPr>
                  <a:t>Traditional Romanian products </a:t>
                </a:r>
                <a:endParaRPr lang="en-US" sz="800" b="0" dirty="0">
                  <a:solidFill>
                    <a:prstClr val="black"/>
                  </a:solidFill>
                  <a:latin typeface="Arial" pitchFamily="-65" charset="0"/>
                </a:endParaRPr>
              </a:p>
            </p:txBody>
          </p:sp>
        </p:grpSp>
        <p:pic>
          <p:nvPicPr>
            <p:cNvPr id="53" name="Picture 2"/>
            <p:cNvPicPr>
              <a:picLocks noChangeAspect="1" noChangeArrowheads="1"/>
            </p:cNvPicPr>
            <p:nvPr/>
          </p:nvPicPr>
          <p:blipFill>
            <a:blip r:embed="rId1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7317845" y="3061857"/>
              <a:ext cx="1008112" cy="42482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54" name="Rounded Rectangular Callout 53"/>
            <p:cNvSpPr/>
            <p:nvPr/>
          </p:nvSpPr>
          <p:spPr>
            <a:xfrm>
              <a:off x="8120644" y="3542904"/>
              <a:ext cx="731255" cy="405385"/>
            </a:xfrm>
            <a:prstGeom prst="wedgeRoundRectCallout">
              <a:avLst>
                <a:gd name="adj1" fmla="val -72521"/>
                <a:gd name="adj2" fmla="val -65907"/>
                <a:gd name="adj3" fmla="val 16667"/>
              </a:avLst>
            </a:prstGeom>
            <a:solidFill>
              <a:sysClr val="window" lastClr="FFFFFF">
                <a:lumMod val="95000"/>
              </a:sysClr>
            </a:solidFill>
            <a:ln w="9525" cap="flat" cmpd="sng" algn="ctr">
              <a:solidFill>
                <a:srgbClr val="C00000"/>
              </a:solidFill>
              <a:prstDash val="solid"/>
            </a:ln>
            <a:effectLst>
              <a:outerShdw blurRad="40000" dist="20000" dir="5400000" rotWithShape="0">
                <a:srgbClr val="000000">
                  <a:alpha val="38000"/>
                </a:srgbClr>
              </a:outerShdw>
            </a:effectLst>
          </p:spPr>
          <p:txBody>
            <a:bodyPr rtlCol="0" anchor="ctr"/>
            <a:lstStyle/>
            <a:p>
              <a:pPr marL="0" marR="0" lvl="0" indent="0" algn="ctr" defTabSz="456972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100" b="0" i="0" u="none" strike="noStrike" kern="0" cap="none" spc="0" normalizeH="0" baseline="0" noProof="0" smtClean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 pitchFamily="34" charset="0"/>
                  <a:ea typeface="+mn-ea"/>
                  <a:cs typeface="+mn-cs"/>
                </a:rPr>
                <a:t>125 SKUs</a:t>
              </a:r>
              <a:endParaRPr kumimoji="0" lang="en-US" sz="11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+mn-cs"/>
              </a:endParaRPr>
            </a:p>
          </p:txBody>
        </p:sp>
      </p:grpSp>
      <p:pic>
        <p:nvPicPr>
          <p:cNvPr id="104" name="Picture 130" descr="image001"/>
          <p:cNvPicPr>
            <a:picLocks noChangeAspect="1" noChangeArrowheads="1"/>
          </p:cNvPicPr>
          <p:nvPr/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1810773"/>
            <a:ext cx="750227" cy="87178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5" name="Picture 104" descr="90199.1"/>
          <p:cNvPicPr>
            <a:picLocks/>
          </p:cNvPicPr>
          <p:nvPr/>
        </p:nvPicPr>
        <p:blipFill>
          <a:blip r:embed="rId15" cstate="print"/>
          <a:stretch>
            <a:fillRect/>
          </a:stretch>
        </p:blipFill>
        <p:spPr>
          <a:xfrm>
            <a:off x="731166" y="2899788"/>
            <a:ext cx="756079" cy="949497"/>
          </a:xfrm>
          <a:prstGeom prst="rect">
            <a:avLst/>
          </a:prstGeom>
        </p:spPr>
      </p:pic>
      <p:pic>
        <p:nvPicPr>
          <p:cNvPr id="45" name="Picture 29"/>
          <p:cNvPicPr>
            <a:picLocks noChangeAspect="1" noChangeArrowheads="1"/>
          </p:cNvPicPr>
          <p:nvPr/>
        </p:nvPicPr>
        <p:blipFill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77771855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fr-FR" smtClean="0"/>
              <a:t>|</a:t>
            </a:r>
            <a:r>
              <a:rPr lang="fr-FR" smtClean="0">
                <a:solidFill>
                  <a:srgbClr val="898989"/>
                </a:solidFill>
              </a:rPr>
              <a:t> </a:t>
            </a:r>
            <a:r>
              <a:rPr lang="en-US" smtClean="0">
                <a:solidFill>
                  <a:srgbClr val="898989"/>
                </a:solidFill>
              </a:rPr>
              <a:t> </a:t>
            </a:r>
            <a:fld id="{79AA2A7C-E190-A748-A14F-A773FF769E66}" type="slidenum">
              <a:rPr lang="en-US" smtClean="0">
                <a:solidFill>
                  <a:srgbClr val="898989"/>
                </a:solidFill>
              </a:rPr>
              <a:pPr>
                <a:defRPr/>
              </a:pPr>
              <a:t>32</a:t>
            </a:fld>
            <a:endParaRPr lang="fr-FR" dirty="0">
              <a:solidFill>
                <a:srgbClr val="898989"/>
              </a:solidFill>
            </a:endParaRPr>
          </a:p>
        </p:txBody>
      </p:sp>
      <p:pic>
        <p:nvPicPr>
          <p:cNvPr id="122882" name="Picture 2" descr="C:\Users\anamaria_ionita\Desktop\Prezentare Mega\Preze-6.jp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72074" cy="51435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TextBox 1"/>
          <p:cNvSpPr txBox="1"/>
          <p:nvPr/>
        </p:nvSpPr>
        <p:spPr>
          <a:xfrm>
            <a:off x="2818827" y="2454442"/>
            <a:ext cx="3011274" cy="76944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4400" dirty="0" smtClean="0">
                <a:solidFill>
                  <a:schemeClr val="bg1"/>
                </a:solidFill>
              </a:rPr>
              <a:t>Thank You!</a:t>
            </a:r>
            <a:endParaRPr lang="en-US" sz="4400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171398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5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183564" y="4767267"/>
            <a:ext cx="503237" cy="273844"/>
          </a:xfrm>
        </p:spPr>
        <p:txBody>
          <a:bodyPr/>
          <a:lstStyle/>
          <a:p>
            <a:pPr>
              <a:defRPr/>
            </a:pPr>
            <a:r>
              <a:rPr lang="fr-FR" smtClean="0"/>
              <a:t>|</a:t>
            </a:r>
            <a:r>
              <a:rPr lang="fr-FR" smtClean="0">
                <a:solidFill>
                  <a:srgbClr val="898989"/>
                </a:solidFill>
              </a:rPr>
              <a:t> </a:t>
            </a:r>
            <a:r>
              <a:rPr lang="en-US" smtClean="0">
                <a:solidFill>
                  <a:srgbClr val="898989"/>
                </a:solidFill>
              </a:rPr>
              <a:t> </a:t>
            </a:r>
            <a:fld id="{79AA2A7C-E190-A748-A14F-A773FF769E66}" type="slidenum">
              <a:rPr lang="en-US" smtClean="0">
                <a:solidFill>
                  <a:srgbClr val="898989"/>
                </a:solidFill>
              </a:rPr>
              <a:pPr>
                <a:defRPr/>
              </a:pPr>
              <a:t>4</a:t>
            </a:fld>
            <a:endParaRPr lang="fr-FR" dirty="0">
              <a:solidFill>
                <a:srgbClr val="898989"/>
              </a:solidFill>
            </a:endParaRPr>
          </a:p>
        </p:txBody>
      </p:sp>
      <p:pic>
        <p:nvPicPr>
          <p:cNvPr id="86" name="Picture 2" descr="C:\Users\anamaria_ionita\Desktop\Prezentare Mega\Preze-3.jpg"/>
          <p:cNvPicPr>
            <a:picLocks noChangeAspect="1" noChangeArrowheads="1"/>
          </p:cNvPicPr>
          <p:nvPr/>
        </p:nvPicPr>
        <p:blipFill>
          <a:blip r:embed="rId2" cstate="print"/>
          <a:stretch>
            <a:fillRect/>
          </a:stretch>
        </p:blipFill>
        <p:spPr bwMode="auto">
          <a:xfrm>
            <a:off x="5246" y="0"/>
            <a:ext cx="9133507" cy="515052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7" name="TextBox 86"/>
          <p:cNvSpPr txBox="1"/>
          <p:nvPr/>
        </p:nvSpPr>
        <p:spPr>
          <a:xfrm>
            <a:off x="741680" y="138430"/>
            <a:ext cx="23622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dirty="0" smtClean="0">
                <a:solidFill>
                  <a:schemeClr val="bg1"/>
                </a:solidFill>
              </a:rPr>
              <a:t>Romania: Context</a:t>
            </a:r>
            <a:endParaRPr lang="en-US" sz="1400" dirty="0">
              <a:solidFill>
                <a:schemeClr val="bg1"/>
              </a:solidFill>
            </a:endParaRPr>
          </a:p>
        </p:txBody>
      </p:sp>
      <p:grpSp>
        <p:nvGrpSpPr>
          <p:cNvPr id="88" name="Group 87"/>
          <p:cNvGrpSpPr/>
          <p:nvPr/>
        </p:nvGrpSpPr>
        <p:grpSpPr>
          <a:xfrm>
            <a:off x="4419600" y="2419350"/>
            <a:ext cx="3810000" cy="381000"/>
            <a:chOff x="5029200" y="2419350"/>
            <a:chExt cx="3810000" cy="381000"/>
          </a:xfrm>
        </p:grpSpPr>
        <p:sp>
          <p:nvSpPr>
            <p:cNvPr id="89" name="Rectangle 88"/>
            <p:cNvSpPr/>
            <p:nvPr/>
          </p:nvSpPr>
          <p:spPr>
            <a:xfrm>
              <a:off x="6096000" y="2419350"/>
              <a:ext cx="2743200" cy="3810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0" name="Freeform 89"/>
            <p:cNvSpPr/>
            <p:nvPr/>
          </p:nvSpPr>
          <p:spPr>
            <a:xfrm rot="16200000">
              <a:off x="5372100" y="2076450"/>
              <a:ext cx="381000" cy="1066800"/>
            </a:xfrm>
            <a:custGeom>
              <a:avLst/>
              <a:gdLst>
                <a:gd name="connsiteX0" fmla="*/ 0 w 381000"/>
                <a:gd name="connsiteY0" fmla="*/ 762000 h 762000"/>
                <a:gd name="connsiteX1" fmla="*/ 190500 w 381000"/>
                <a:gd name="connsiteY1" fmla="*/ 0 h 762000"/>
                <a:gd name="connsiteX2" fmla="*/ 381000 w 381000"/>
                <a:gd name="connsiteY2" fmla="*/ 762000 h 762000"/>
                <a:gd name="connsiteX3" fmla="*/ 0 w 381000"/>
                <a:gd name="connsiteY3" fmla="*/ 762000 h 762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381000" h="762000">
                  <a:moveTo>
                    <a:pt x="0" y="762000"/>
                  </a:moveTo>
                  <a:lnTo>
                    <a:pt x="190500" y="0"/>
                  </a:lnTo>
                  <a:lnTo>
                    <a:pt x="381000" y="762000"/>
                  </a:lnTo>
                  <a:lnTo>
                    <a:pt x="0" y="762000"/>
                  </a:lnTo>
                  <a:close/>
                </a:path>
              </a:pathLst>
            </a:custGeom>
            <a:solidFill>
              <a:schemeClr val="accent1">
                <a:lumMod val="7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91" name="Group 90"/>
          <p:cNvGrpSpPr/>
          <p:nvPr/>
        </p:nvGrpSpPr>
        <p:grpSpPr>
          <a:xfrm>
            <a:off x="4419600" y="1581150"/>
            <a:ext cx="3810000" cy="457200"/>
            <a:chOff x="5029200" y="1581150"/>
            <a:chExt cx="3810000" cy="457200"/>
          </a:xfrm>
        </p:grpSpPr>
        <p:sp>
          <p:nvSpPr>
            <p:cNvPr id="92" name="Rectangle 91"/>
            <p:cNvSpPr/>
            <p:nvPr/>
          </p:nvSpPr>
          <p:spPr>
            <a:xfrm>
              <a:off x="6096000" y="1581150"/>
              <a:ext cx="2743200" cy="3810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3" name="Freeform 92"/>
            <p:cNvSpPr/>
            <p:nvPr/>
          </p:nvSpPr>
          <p:spPr>
            <a:xfrm rot="16200000">
              <a:off x="5334000" y="1276350"/>
              <a:ext cx="457200" cy="1066800"/>
            </a:xfrm>
            <a:custGeom>
              <a:avLst/>
              <a:gdLst>
                <a:gd name="connsiteX0" fmla="*/ 0 w 381000"/>
                <a:gd name="connsiteY0" fmla="*/ 762000 h 762000"/>
                <a:gd name="connsiteX1" fmla="*/ 190500 w 381000"/>
                <a:gd name="connsiteY1" fmla="*/ 0 h 762000"/>
                <a:gd name="connsiteX2" fmla="*/ 381000 w 381000"/>
                <a:gd name="connsiteY2" fmla="*/ 762000 h 762000"/>
                <a:gd name="connsiteX3" fmla="*/ 0 w 381000"/>
                <a:gd name="connsiteY3" fmla="*/ 762000 h 762000"/>
                <a:gd name="connsiteX0" fmla="*/ 76200 w 457200"/>
                <a:gd name="connsiteY0" fmla="*/ 762000 h 762000"/>
                <a:gd name="connsiteX1" fmla="*/ 0 w 457200"/>
                <a:gd name="connsiteY1" fmla="*/ 0 h 762000"/>
                <a:gd name="connsiteX2" fmla="*/ 457200 w 457200"/>
                <a:gd name="connsiteY2" fmla="*/ 762000 h 762000"/>
                <a:gd name="connsiteX3" fmla="*/ 76200 w 457200"/>
                <a:gd name="connsiteY3" fmla="*/ 762000 h 762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57200" h="762000">
                  <a:moveTo>
                    <a:pt x="76200" y="762000"/>
                  </a:moveTo>
                  <a:lnTo>
                    <a:pt x="0" y="0"/>
                  </a:lnTo>
                  <a:lnTo>
                    <a:pt x="457200" y="762000"/>
                  </a:lnTo>
                  <a:lnTo>
                    <a:pt x="76200" y="762000"/>
                  </a:lnTo>
                  <a:close/>
                </a:path>
              </a:pathLst>
            </a:custGeom>
            <a:solidFill>
              <a:schemeClr val="accent1">
                <a:lumMod val="7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94" name="Group 93"/>
          <p:cNvGrpSpPr/>
          <p:nvPr/>
        </p:nvGrpSpPr>
        <p:grpSpPr>
          <a:xfrm>
            <a:off x="4495801" y="742950"/>
            <a:ext cx="3733799" cy="838200"/>
            <a:chOff x="5105401" y="666750"/>
            <a:chExt cx="3733799" cy="838200"/>
          </a:xfrm>
        </p:grpSpPr>
        <p:sp>
          <p:nvSpPr>
            <p:cNvPr id="95" name="Rectangle 94"/>
            <p:cNvSpPr/>
            <p:nvPr/>
          </p:nvSpPr>
          <p:spPr>
            <a:xfrm>
              <a:off x="6096000" y="666750"/>
              <a:ext cx="2743200" cy="3810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6" name="Freeform 95"/>
            <p:cNvSpPr/>
            <p:nvPr/>
          </p:nvSpPr>
          <p:spPr>
            <a:xfrm rot="16200000">
              <a:off x="5181601" y="590550"/>
              <a:ext cx="838200" cy="990599"/>
            </a:xfrm>
            <a:custGeom>
              <a:avLst/>
              <a:gdLst>
                <a:gd name="connsiteX0" fmla="*/ 0 w 381000"/>
                <a:gd name="connsiteY0" fmla="*/ 762000 h 762000"/>
                <a:gd name="connsiteX1" fmla="*/ 190500 w 381000"/>
                <a:gd name="connsiteY1" fmla="*/ 0 h 762000"/>
                <a:gd name="connsiteX2" fmla="*/ 381000 w 381000"/>
                <a:gd name="connsiteY2" fmla="*/ 762000 h 762000"/>
                <a:gd name="connsiteX3" fmla="*/ 0 w 381000"/>
                <a:gd name="connsiteY3" fmla="*/ 762000 h 762000"/>
                <a:gd name="connsiteX0" fmla="*/ 457200 w 838200"/>
                <a:gd name="connsiteY0" fmla="*/ 707571 h 707571"/>
                <a:gd name="connsiteX1" fmla="*/ 0 w 838200"/>
                <a:gd name="connsiteY1" fmla="*/ 0 h 707571"/>
                <a:gd name="connsiteX2" fmla="*/ 838200 w 838200"/>
                <a:gd name="connsiteY2" fmla="*/ 707571 h 707571"/>
                <a:gd name="connsiteX3" fmla="*/ 457200 w 838200"/>
                <a:gd name="connsiteY3" fmla="*/ 707571 h 70757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838200" h="707571">
                  <a:moveTo>
                    <a:pt x="457200" y="707571"/>
                  </a:moveTo>
                  <a:lnTo>
                    <a:pt x="0" y="0"/>
                  </a:lnTo>
                  <a:lnTo>
                    <a:pt x="838200" y="707571"/>
                  </a:lnTo>
                  <a:lnTo>
                    <a:pt x="457200" y="707571"/>
                  </a:lnTo>
                  <a:close/>
                </a:path>
              </a:pathLst>
            </a:custGeom>
            <a:solidFill>
              <a:schemeClr val="accent1">
                <a:lumMod val="7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97" name="Group 96"/>
          <p:cNvGrpSpPr/>
          <p:nvPr/>
        </p:nvGrpSpPr>
        <p:grpSpPr>
          <a:xfrm flipV="1">
            <a:off x="4419600" y="3181350"/>
            <a:ext cx="3810000" cy="457200"/>
            <a:chOff x="5029200" y="1581150"/>
            <a:chExt cx="3810000" cy="457200"/>
          </a:xfrm>
        </p:grpSpPr>
        <p:sp>
          <p:nvSpPr>
            <p:cNvPr id="98" name="Rectangle 97"/>
            <p:cNvSpPr/>
            <p:nvPr/>
          </p:nvSpPr>
          <p:spPr>
            <a:xfrm>
              <a:off x="6096000" y="1581150"/>
              <a:ext cx="2743200" cy="3810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9" name="Freeform 98"/>
            <p:cNvSpPr/>
            <p:nvPr/>
          </p:nvSpPr>
          <p:spPr>
            <a:xfrm rot="16200000">
              <a:off x="5334000" y="1276350"/>
              <a:ext cx="457200" cy="1066800"/>
            </a:xfrm>
            <a:custGeom>
              <a:avLst/>
              <a:gdLst>
                <a:gd name="connsiteX0" fmla="*/ 0 w 381000"/>
                <a:gd name="connsiteY0" fmla="*/ 762000 h 762000"/>
                <a:gd name="connsiteX1" fmla="*/ 190500 w 381000"/>
                <a:gd name="connsiteY1" fmla="*/ 0 h 762000"/>
                <a:gd name="connsiteX2" fmla="*/ 381000 w 381000"/>
                <a:gd name="connsiteY2" fmla="*/ 762000 h 762000"/>
                <a:gd name="connsiteX3" fmla="*/ 0 w 381000"/>
                <a:gd name="connsiteY3" fmla="*/ 762000 h 762000"/>
                <a:gd name="connsiteX0" fmla="*/ 76200 w 457200"/>
                <a:gd name="connsiteY0" fmla="*/ 762000 h 762000"/>
                <a:gd name="connsiteX1" fmla="*/ 0 w 457200"/>
                <a:gd name="connsiteY1" fmla="*/ 0 h 762000"/>
                <a:gd name="connsiteX2" fmla="*/ 457200 w 457200"/>
                <a:gd name="connsiteY2" fmla="*/ 762000 h 762000"/>
                <a:gd name="connsiteX3" fmla="*/ 76200 w 457200"/>
                <a:gd name="connsiteY3" fmla="*/ 762000 h 762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57200" h="762000">
                  <a:moveTo>
                    <a:pt x="76200" y="762000"/>
                  </a:moveTo>
                  <a:lnTo>
                    <a:pt x="0" y="0"/>
                  </a:lnTo>
                  <a:lnTo>
                    <a:pt x="457200" y="762000"/>
                  </a:lnTo>
                  <a:lnTo>
                    <a:pt x="76200" y="762000"/>
                  </a:lnTo>
                  <a:close/>
                </a:path>
              </a:pathLst>
            </a:custGeom>
            <a:solidFill>
              <a:schemeClr val="accent1">
                <a:lumMod val="7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100" name="Group 99"/>
          <p:cNvGrpSpPr/>
          <p:nvPr/>
        </p:nvGrpSpPr>
        <p:grpSpPr>
          <a:xfrm flipV="1">
            <a:off x="4495801" y="3775180"/>
            <a:ext cx="3733799" cy="838200"/>
            <a:chOff x="5105401" y="666750"/>
            <a:chExt cx="3733799" cy="838200"/>
          </a:xfrm>
        </p:grpSpPr>
        <p:sp>
          <p:nvSpPr>
            <p:cNvPr id="101" name="Rectangle 100"/>
            <p:cNvSpPr/>
            <p:nvPr/>
          </p:nvSpPr>
          <p:spPr>
            <a:xfrm>
              <a:off x="6096000" y="666750"/>
              <a:ext cx="2743200" cy="381000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02" name="Freeform 101"/>
            <p:cNvSpPr/>
            <p:nvPr/>
          </p:nvSpPr>
          <p:spPr>
            <a:xfrm rot="16200000">
              <a:off x="5181601" y="590550"/>
              <a:ext cx="838200" cy="990599"/>
            </a:xfrm>
            <a:custGeom>
              <a:avLst/>
              <a:gdLst>
                <a:gd name="connsiteX0" fmla="*/ 0 w 381000"/>
                <a:gd name="connsiteY0" fmla="*/ 762000 h 762000"/>
                <a:gd name="connsiteX1" fmla="*/ 190500 w 381000"/>
                <a:gd name="connsiteY1" fmla="*/ 0 h 762000"/>
                <a:gd name="connsiteX2" fmla="*/ 381000 w 381000"/>
                <a:gd name="connsiteY2" fmla="*/ 762000 h 762000"/>
                <a:gd name="connsiteX3" fmla="*/ 0 w 381000"/>
                <a:gd name="connsiteY3" fmla="*/ 762000 h 762000"/>
                <a:gd name="connsiteX0" fmla="*/ 457200 w 838200"/>
                <a:gd name="connsiteY0" fmla="*/ 707571 h 707571"/>
                <a:gd name="connsiteX1" fmla="*/ 0 w 838200"/>
                <a:gd name="connsiteY1" fmla="*/ 0 h 707571"/>
                <a:gd name="connsiteX2" fmla="*/ 838200 w 838200"/>
                <a:gd name="connsiteY2" fmla="*/ 707571 h 707571"/>
                <a:gd name="connsiteX3" fmla="*/ 457200 w 838200"/>
                <a:gd name="connsiteY3" fmla="*/ 707571 h 70757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838200" h="707571">
                  <a:moveTo>
                    <a:pt x="457200" y="707571"/>
                  </a:moveTo>
                  <a:lnTo>
                    <a:pt x="0" y="0"/>
                  </a:lnTo>
                  <a:lnTo>
                    <a:pt x="838200" y="707571"/>
                  </a:lnTo>
                  <a:lnTo>
                    <a:pt x="457200" y="707571"/>
                  </a:lnTo>
                  <a:close/>
                </a:path>
              </a:pathLst>
            </a:custGeom>
            <a:solidFill>
              <a:schemeClr val="accent1">
                <a:lumMod val="7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03" name="TextBox 102"/>
          <p:cNvSpPr txBox="1"/>
          <p:nvPr/>
        </p:nvSpPr>
        <p:spPr>
          <a:xfrm>
            <a:off x="5499515" y="743451"/>
            <a:ext cx="2891500" cy="369332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pPr marL="0" marR="0" lvl="0" indent="0" defTabSz="1218987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b="0" i="0" u="none" strike="noStrike" kern="0" cap="none" spc="0" normalizeH="0" baseline="0" noProof="0" dirty="0" smtClean="0">
                <a:ln>
                  <a:noFill/>
                </a:ln>
                <a:solidFill>
                  <a:schemeClr val="bg1">
                    <a:lumMod val="95000"/>
                  </a:schemeClr>
                </a:solidFill>
                <a:effectLst/>
                <a:uLnTx/>
                <a:uFillTx/>
                <a:latin typeface="Calibri"/>
              </a:rPr>
              <a:t>Total Surface: </a:t>
            </a:r>
            <a:r>
              <a:rPr kumimoji="0" lang="en-US" b="1" i="0" u="none" strike="noStrike" kern="0" cap="none" spc="0" normalizeH="0" baseline="0" noProof="0" dirty="0" smtClean="0">
                <a:ln>
                  <a:noFill/>
                </a:ln>
                <a:solidFill>
                  <a:schemeClr val="bg1">
                    <a:lumMod val="95000"/>
                  </a:schemeClr>
                </a:solidFill>
                <a:effectLst/>
                <a:uLnTx/>
                <a:uFillTx/>
                <a:latin typeface="Calibri"/>
              </a:rPr>
              <a:t>238,391km²</a:t>
            </a:r>
          </a:p>
        </p:txBody>
      </p:sp>
      <p:sp>
        <p:nvSpPr>
          <p:cNvPr id="104" name="TextBox 103"/>
          <p:cNvSpPr txBox="1"/>
          <p:nvPr/>
        </p:nvSpPr>
        <p:spPr>
          <a:xfrm>
            <a:off x="5499515" y="1080158"/>
            <a:ext cx="3557365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b="1" i="1" dirty="0" smtClean="0">
                <a:solidFill>
                  <a:schemeClr val="tx2"/>
                </a:solidFill>
                <a:latin typeface="Calibri" panose="020F0502020204030204" pitchFamily="34" charset="0"/>
              </a:rPr>
              <a:t>Ranked 13</a:t>
            </a:r>
            <a:r>
              <a:rPr lang="en-US" sz="1000" b="1" i="1" baseline="30000" dirty="0" smtClean="0">
                <a:solidFill>
                  <a:schemeClr val="tx2"/>
                </a:solidFill>
                <a:latin typeface="Calibri" panose="020F0502020204030204" pitchFamily="34" charset="0"/>
              </a:rPr>
              <a:t>th</a:t>
            </a:r>
            <a:r>
              <a:rPr lang="en-US" sz="1000" b="1" i="1" dirty="0" smtClean="0">
                <a:solidFill>
                  <a:schemeClr val="tx2"/>
                </a:solidFill>
                <a:latin typeface="Calibri" panose="020F0502020204030204" pitchFamily="34" charset="0"/>
              </a:rPr>
              <a:t> in Europe, 1</a:t>
            </a:r>
            <a:r>
              <a:rPr lang="en-US" sz="1000" b="1" i="1" baseline="30000" dirty="0" smtClean="0">
                <a:solidFill>
                  <a:schemeClr val="tx2"/>
                </a:solidFill>
                <a:latin typeface="Calibri" panose="020F0502020204030204" pitchFamily="34" charset="0"/>
              </a:rPr>
              <a:t>st</a:t>
            </a:r>
            <a:r>
              <a:rPr lang="en-US" sz="1000" b="1" i="1" dirty="0" smtClean="0">
                <a:solidFill>
                  <a:schemeClr val="tx2"/>
                </a:solidFill>
                <a:latin typeface="Calibri" panose="020F0502020204030204" pitchFamily="34" charset="0"/>
              </a:rPr>
              <a:t> in SE European region</a:t>
            </a:r>
            <a:endParaRPr lang="en-US" sz="1000" b="1" i="1" dirty="0">
              <a:solidFill>
                <a:schemeClr val="tx2"/>
              </a:solidFill>
              <a:latin typeface="Calibri" panose="020F0502020204030204" pitchFamily="34" charset="0"/>
            </a:endParaRPr>
          </a:p>
        </p:txBody>
      </p:sp>
      <p:sp>
        <p:nvSpPr>
          <p:cNvPr id="105" name="Rectangle 104"/>
          <p:cNvSpPr/>
          <p:nvPr/>
        </p:nvSpPr>
        <p:spPr>
          <a:xfrm>
            <a:off x="5498952" y="1592627"/>
            <a:ext cx="2153154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lvl="0" defTabSz="1218987">
              <a:defRPr/>
            </a:pPr>
            <a:r>
              <a:rPr lang="en-US" kern="0" dirty="0">
                <a:solidFill>
                  <a:schemeClr val="bg1">
                    <a:lumMod val="95000"/>
                  </a:schemeClr>
                </a:solidFill>
                <a:latin typeface="Calibri"/>
              </a:rPr>
              <a:t>Population: </a:t>
            </a:r>
            <a:r>
              <a:rPr lang="en-US" b="1" kern="0" dirty="0" smtClean="0">
                <a:solidFill>
                  <a:schemeClr val="bg1">
                    <a:lumMod val="95000"/>
                  </a:schemeClr>
                </a:solidFill>
                <a:latin typeface="Calibri"/>
              </a:rPr>
              <a:t>19.9Mil  </a:t>
            </a:r>
            <a:endParaRPr lang="en-US" b="1" kern="0" dirty="0">
              <a:solidFill>
                <a:schemeClr val="bg1">
                  <a:lumMod val="95000"/>
                </a:schemeClr>
              </a:solidFill>
              <a:latin typeface="Calibri"/>
            </a:endParaRPr>
          </a:p>
        </p:txBody>
      </p:sp>
      <p:sp>
        <p:nvSpPr>
          <p:cNvPr id="106" name="TextBox 105"/>
          <p:cNvSpPr txBox="1"/>
          <p:nvPr/>
        </p:nvSpPr>
        <p:spPr>
          <a:xfrm>
            <a:off x="5504163" y="1933172"/>
            <a:ext cx="3639838" cy="44627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b="1" i="1" smtClean="0">
                <a:solidFill>
                  <a:schemeClr val="tx2"/>
                </a:solidFill>
                <a:latin typeface="Calibri" panose="020F0502020204030204" pitchFamily="34" charset="0"/>
              </a:rPr>
              <a:t>The </a:t>
            </a:r>
            <a:r>
              <a:rPr lang="en-US" sz="1000" b="1" i="1" dirty="0">
                <a:solidFill>
                  <a:schemeClr val="tx2"/>
                </a:solidFill>
                <a:latin typeface="Calibri" panose="020F0502020204030204" pitchFamily="34" charset="0"/>
              </a:rPr>
              <a:t>10th largest population </a:t>
            </a:r>
            <a:r>
              <a:rPr lang="en-US" sz="1000" b="1" i="1">
                <a:solidFill>
                  <a:schemeClr val="tx2"/>
                </a:solidFill>
                <a:latin typeface="Calibri" panose="020F0502020204030204" pitchFamily="34" charset="0"/>
              </a:rPr>
              <a:t>in </a:t>
            </a:r>
            <a:r>
              <a:rPr lang="en-US" sz="1000" b="1" i="1" smtClean="0">
                <a:solidFill>
                  <a:schemeClr val="tx2"/>
                </a:solidFill>
                <a:latin typeface="Calibri" panose="020F0502020204030204" pitchFamily="34" charset="0"/>
              </a:rPr>
              <a:t>Europe</a:t>
            </a:r>
          </a:p>
          <a:p>
            <a:r>
              <a:rPr lang="en-US" sz="1200" i="1" smtClean="0">
                <a:solidFill>
                  <a:prstClr val="black"/>
                </a:solidFill>
                <a:latin typeface="Calibri" panose="020F0502020204030204" pitchFamily="34" charset="0"/>
              </a:rPr>
              <a:t>Population </a:t>
            </a:r>
            <a:r>
              <a:rPr lang="en-US" sz="1200" i="1" dirty="0" smtClean="0">
                <a:solidFill>
                  <a:prstClr val="black"/>
                </a:solidFill>
                <a:latin typeface="Calibri" panose="020F0502020204030204" pitchFamily="34" charset="0"/>
              </a:rPr>
              <a:t>Density: 93.5 </a:t>
            </a:r>
            <a:r>
              <a:rPr lang="en-US" sz="1200" i="1" dirty="0">
                <a:solidFill>
                  <a:prstClr val="black"/>
                </a:solidFill>
                <a:latin typeface="Calibri" panose="020F0502020204030204" pitchFamily="34" charset="0"/>
              </a:rPr>
              <a:t>loc./</a:t>
            </a:r>
            <a:r>
              <a:rPr lang="en-US" sz="1200" i="1" dirty="0" smtClean="0">
                <a:solidFill>
                  <a:prstClr val="black"/>
                </a:solidFill>
                <a:latin typeface="Calibri" panose="020F0502020204030204" pitchFamily="34" charset="0"/>
              </a:rPr>
              <a:t>km²</a:t>
            </a:r>
          </a:p>
        </p:txBody>
      </p:sp>
      <p:sp>
        <p:nvSpPr>
          <p:cNvPr id="107" name="TextBox 106"/>
          <p:cNvSpPr txBox="1"/>
          <p:nvPr/>
        </p:nvSpPr>
        <p:spPr>
          <a:xfrm>
            <a:off x="5496347" y="2414725"/>
            <a:ext cx="2733253" cy="369332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pPr lvl="0" defTabSz="1218987">
              <a:defRPr/>
            </a:pPr>
            <a:r>
              <a:rPr lang="en-US" kern="0" dirty="0">
                <a:solidFill>
                  <a:schemeClr val="bg1">
                    <a:lumMod val="95000"/>
                  </a:schemeClr>
                </a:solidFill>
                <a:latin typeface="Calibri"/>
              </a:rPr>
              <a:t>Average </a:t>
            </a:r>
            <a:r>
              <a:rPr lang="en-US" kern="0" dirty="0" smtClean="0">
                <a:solidFill>
                  <a:schemeClr val="bg1">
                    <a:lumMod val="95000"/>
                  </a:schemeClr>
                </a:solidFill>
                <a:latin typeface="Calibri"/>
              </a:rPr>
              <a:t>Net </a:t>
            </a:r>
            <a:r>
              <a:rPr lang="en-US" kern="0" dirty="0">
                <a:solidFill>
                  <a:schemeClr val="bg1">
                    <a:lumMod val="95000"/>
                  </a:schemeClr>
                </a:solidFill>
                <a:latin typeface="Calibri"/>
              </a:rPr>
              <a:t>Income: </a:t>
            </a:r>
            <a:r>
              <a:rPr lang="en-US" b="1" kern="0" dirty="0" smtClean="0">
                <a:solidFill>
                  <a:schemeClr val="bg1">
                    <a:lumMod val="95000"/>
                  </a:schemeClr>
                </a:solidFill>
                <a:latin typeface="Calibri"/>
              </a:rPr>
              <a:t>411€</a:t>
            </a:r>
            <a:endParaRPr lang="en-US" b="1" kern="0" dirty="0">
              <a:solidFill>
                <a:schemeClr val="bg1">
                  <a:lumMod val="95000"/>
                </a:schemeClr>
              </a:solidFill>
              <a:latin typeface="Calibri"/>
            </a:endParaRPr>
          </a:p>
        </p:txBody>
      </p:sp>
      <p:sp>
        <p:nvSpPr>
          <p:cNvPr id="108" name="TextBox 107"/>
          <p:cNvSpPr txBox="1"/>
          <p:nvPr/>
        </p:nvSpPr>
        <p:spPr>
          <a:xfrm>
            <a:off x="5498952" y="2884011"/>
            <a:ext cx="3639801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i="1" dirty="0">
                <a:solidFill>
                  <a:prstClr val="black"/>
                </a:solidFill>
                <a:latin typeface="Calibri" panose="020F0502020204030204" pitchFamily="34" charset="0"/>
              </a:rPr>
              <a:t>Having tripled the salary per capita in 10 years time</a:t>
            </a:r>
          </a:p>
        </p:txBody>
      </p:sp>
      <p:sp>
        <p:nvSpPr>
          <p:cNvPr id="109" name="TextBox 108"/>
          <p:cNvSpPr txBox="1"/>
          <p:nvPr/>
        </p:nvSpPr>
        <p:spPr>
          <a:xfrm>
            <a:off x="5492768" y="2762964"/>
            <a:ext cx="106475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000" b="1" i="1">
                <a:solidFill>
                  <a:schemeClr val="tx2"/>
                </a:solidFill>
                <a:latin typeface="Calibri" panose="020F0502020204030204" pitchFamily="34" charset="0"/>
              </a:defRPr>
            </a:lvl1pPr>
          </a:lstStyle>
          <a:p>
            <a:r>
              <a:rPr lang="en-US" dirty="0"/>
              <a:t>2nd last in EU</a:t>
            </a:r>
          </a:p>
        </p:txBody>
      </p:sp>
      <p:sp>
        <p:nvSpPr>
          <p:cNvPr id="110" name="TextBox 109"/>
          <p:cNvSpPr txBox="1"/>
          <p:nvPr/>
        </p:nvSpPr>
        <p:spPr>
          <a:xfrm>
            <a:off x="5481497" y="3257550"/>
            <a:ext cx="2748106" cy="369332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pPr lvl="0" defTabSz="1218987">
              <a:defRPr/>
            </a:pPr>
            <a:r>
              <a:rPr lang="en-US" kern="0" dirty="0" smtClean="0">
                <a:solidFill>
                  <a:schemeClr val="bg1">
                    <a:lumMod val="95000"/>
                  </a:schemeClr>
                </a:solidFill>
                <a:latin typeface="Calibri"/>
              </a:rPr>
              <a:t>GDP per Capita</a:t>
            </a:r>
            <a:r>
              <a:rPr lang="en-US" kern="0" smtClean="0">
                <a:solidFill>
                  <a:schemeClr val="bg1">
                    <a:lumMod val="95000"/>
                  </a:schemeClr>
                </a:solidFill>
                <a:latin typeface="Calibri"/>
              </a:rPr>
              <a:t>: </a:t>
            </a:r>
            <a:r>
              <a:rPr lang="en-US" b="1" kern="0" smtClean="0">
                <a:solidFill>
                  <a:schemeClr val="bg1">
                    <a:lumMod val="95000"/>
                  </a:schemeClr>
                </a:solidFill>
                <a:latin typeface="Calibri"/>
              </a:rPr>
              <a:t>8,600 EUR</a:t>
            </a:r>
            <a:endParaRPr lang="en-US" b="1" kern="0" dirty="0">
              <a:solidFill>
                <a:schemeClr val="bg1">
                  <a:lumMod val="95000"/>
                </a:schemeClr>
              </a:solidFill>
              <a:latin typeface="Calibri"/>
            </a:endParaRPr>
          </a:p>
        </p:txBody>
      </p:sp>
      <p:sp>
        <p:nvSpPr>
          <p:cNvPr id="111" name="TextBox 110"/>
          <p:cNvSpPr txBox="1"/>
          <p:nvPr/>
        </p:nvSpPr>
        <p:spPr>
          <a:xfrm>
            <a:off x="5493652" y="3709923"/>
            <a:ext cx="2886853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i="1" dirty="0">
                <a:solidFill>
                  <a:prstClr val="black"/>
                </a:solidFill>
                <a:latin typeface="Calibri" panose="020F0502020204030204" pitchFamily="34" charset="0"/>
              </a:rPr>
              <a:t>A fast growing GDP per capita </a:t>
            </a:r>
            <a:endParaRPr lang="en-US" sz="1200" i="1" dirty="0" smtClean="0">
              <a:solidFill>
                <a:prstClr val="black"/>
              </a:solidFill>
              <a:latin typeface="Calibri" panose="020F0502020204030204" pitchFamily="34" charset="0"/>
            </a:endParaRPr>
          </a:p>
          <a:p>
            <a:r>
              <a:rPr lang="en-US" sz="1200" i="1" dirty="0" smtClean="0">
                <a:solidFill>
                  <a:prstClr val="black"/>
                </a:solidFill>
                <a:latin typeface="Calibri" panose="020F0502020204030204" pitchFamily="34" charset="0"/>
              </a:rPr>
              <a:t>(+</a:t>
            </a:r>
            <a:r>
              <a:rPr lang="en-US" sz="1200" i="1" dirty="0">
                <a:solidFill>
                  <a:prstClr val="black"/>
                </a:solidFill>
                <a:latin typeface="Calibri" panose="020F0502020204030204" pitchFamily="34" charset="0"/>
              </a:rPr>
              <a:t>10% in last 5 years vs. +2% in EU Zone)</a:t>
            </a:r>
          </a:p>
        </p:txBody>
      </p:sp>
      <p:sp>
        <p:nvSpPr>
          <p:cNvPr id="112" name="TextBox 111"/>
          <p:cNvSpPr txBox="1"/>
          <p:nvPr/>
        </p:nvSpPr>
        <p:spPr>
          <a:xfrm>
            <a:off x="5486400" y="3576303"/>
            <a:ext cx="1577117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b="1" i="1">
                <a:solidFill>
                  <a:schemeClr val="tx2"/>
                </a:solidFill>
                <a:latin typeface="Calibri" panose="020F0502020204030204" pitchFamily="34" charset="0"/>
              </a:rPr>
              <a:t>Ranked 32nd  in Europe</a:t>
            </a:r>
          </a:p>
        </p:txBody>
      </p:sp>
      <p:sp>
        <p:nvSpPr>
          <p:cNvPr id="113" name="TextBox 112"/>
          <p:cNvSpPr txBox="1"/>
          <p:nvPr/>
        </p:nvSpPr>
        <p:spPr>
          <a:xfrm>
            <a:off x="2135068" y="4831674"/>
            <a:ext cx="4422450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8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Source: </a:t>
            </a:r>
            <a:r>
              <a:rPr lang="en-US" sz="800" i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International </a:t>
            </a:r>
            <a:r>
              <a:rPr lang="en-US" sz="8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Monetary Fund </a:t>
            </a:r>
            <a:r>
              <a:rPr lang="en-US" sz="800" i="1" dirty="0">
                <a:solidFill>
                  <a:schemeClr val="tx1">
                    <a:lumMod val="50000"/>
                    <a:lumOff val="50000"/>
                  </a:schemeClr>
                </a:solidFill>
              </a:rPr>
              <a:t>World Economic </a:t>
            </a:r>
            <a:r>
              <a:rPr lang="en-US" sz="8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Outlook/ INSSE</a:t>
            </a:r>
            <a:endParaRPr lang="en-US" sz="800" u="sng" dirty="0" smtClean="0"/>
          </a:p>
        </p:txBody>
      </p:sp>
      <p:sp>
        <p:nvSpPr>
          <p:cNvPr id="114" name="TextBox 113"/>
          <p:cNvSpPr txBox="1"/>
          <p:nvPr/>
        </p:nvSpPr>
        <p:spPr>
          <a:xfrm>
            <a:off x="5466647" y="4241694"/>
            <a:ext cx="4118559" cy="369332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pPr lvl="0" defTabSz="1218987">
              <a:defRPr/>
            </a:pPr>
            <a:r>
              <a:rPr lang="en-US" kern="0" dirty="0" smtClean="0">
                <a:solidFill>
                  <a:schemeClr val="bg1">
                    <a:lumMod val="95000"/>
                  </a:schemeClr>
                </a:solidFill>
                <a:latin typeface="Calibri"/>
              </a:rPr>
              <a:t>Total GDP </a:t>
            </a:r>
            <a:r>
              <a:rPr lang="en-US" kern="0" smtClean="0">
                <a:solidFill>
                  <a:schemeClr val="bg1">
                    <a:lumMod val="95000"/>
                  </a:schemeClr>
                </a:solidFill>
                <a:latin typeface="Calibri"/>
              </a:rPr>
              <a:t>: </a:t>
            </a:r>
            <a:r>
              <a:rPr lang="en-US" b="1" kern="0" smtClean="0">
                <a:solidFill>
                  <a:schemeClr val="bg1">
                    <a:lumMod val="95000"/>
                  </a:schemeClr>
                </a:solidFill>
                <a:latin typeface="Calibri"/>
              </a:rPr>
              <a:t>179 EUR billions</a:t>
            </a:r>
            <a:endParaRPr lang="en-US" b="1" kern="0" dirty="0">
              <a:solidFill>
                <a:schemeClr val="bg1">
                  <a:lumMod val="95000"/>
                </a:schemeClr>
              </a:solidFill>
              <a:latin typeface="Calibri"/>
            </a:endParaRPr>
          </a:p>
        </p:txBody>
      </p:sp>
      <p:sp>
        <p:nvSpPr>
          <p:cNvPr id="115" name="TextBox 114"/>
          <p:cNvSpPr txBox="1"/>
          <p:nvPr/>
        </p:nvSpPr>
        <p:spPr>
          <a:xfrm>
            <a:off x="5470050" y="4578160"/>
            <a:ext cx="2338165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b="1" i="1" dirty="0">
                <a:solidFill>
                  <a:schemeClr val="tx2"/>
                </a:solidFill>
                <a:latin typeface="Calibri" panose="020F0502020204030204" pitchFamily="34" charset="0"/>
              </a:rPr>
              <a:t>Ranked 21st  in Europe</a:t>
            </a:r>
          </a:p>
        </p:txBody>
      </p:sp>
      <p:pic>
        <p:nvPicPr>
          <p:cNvPr id="34" name="Picture 29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8999047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fr-FR" smtClean="0"/>
              <a:t>|</a:t>
            </a:r>
            <a:r>
              <a:rPr lang="fr-FR" smtClean="0">
                <a:solidFill>
                  <a:srgbClr val="898989"/>
                </a:solidFill>
              </a:rPr>
              <a:t> </a:t>
            </a:r>
            <a:r>
              <a:rPr lang="en-US" smtClean="0">
                <a:solidFill>
                  <a:srgbClr val="898989"/>
                </a:solidFill>
              </a:rPr>
              <a:t> </a:t>
            </a:r>
            <a:fld id="{79AA2A7C-E190-A748-A14F-A773FF769E66}" type="slidenum">
              <a:rPr lang="en-US" smtClean="0">
                <a:solidFill>
                  <a:srgbClr val="898989"/>
                </a:solidFill>
              </a:rPr>
              <a:pPr>
                <a:defRPr/>
              </a:pPr>
              <a:t>5</a:t>
            </a:fld>
            <a:endParaRPr lang="fr-FR" dirty="0">
              <a:solidFill>
                <a:srgbClr val="898989"/>
              </a:solidFill>
            </a:endParaRPr>
          </a:p>
        </p:txBody>
      </p:sp>
      <p:sp>
        <p:nvSpPr>
          <p:cNvPr id="20" name="Title 1"/>
          <p:cNvSpPr txBox="1">
            <a:spLocks/>
          </p:cNvSpPr>
          <p:nvPr/>
        </p:nvSpPr>
        <p:spPr bwMode="auto">
          <a:xfrm>
            <a:off x="685800" y="-19050"/>
            <a:ext cx="8229600" cy="3875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 kern="12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defRPr>
            </a:lvl1pPr>
            <a:lvl2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2pPr>
            <a:lvl3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3pPr>
            <a:lvl4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4pPr>
            <a:lvl5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5pPr>
            <a:lvl6pPr marL="456972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6pPr>
            <a:lvl7pPr marL="91394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7pPr>
            <a:lvl8pPr marL="137091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8pPr>
            <a:lvl9pPr marL="1827890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9pPr>
          </a:lstStyle>
          <a:p>
            <a:pPr>
              <a:defRPr/>
            </a:pPr>
            <a:r>
              <a:rPr lang="en-US" sz="2400" b="1" dirty="0"/>
              <a:t>Romania, the long transition journey…</a:t>
            </a:r>
          </a:p>
        </p:txBody>
      </p:sp>
      <p:sp>
        <p:nvSpPr>
          <p:cNvPr id="36" name="TextBox 35"/>
          <p:cNvSpPr txBox="1"/>
          <p:nvPr/>
        </p:nvSpPr>
        <p:spPr>
          <a:xfrm>
            <a:off x="6403825" y="4700886"/>
            <a:ext cx="1673377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8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*</a:t>
            </a:r>
            <a:r>
              <a:rPr lang="en-US" sz="800" i="1" dirty="0" err="1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rhs</a:t>
            </a:r>
            <a:r>
              <a:rPr lang="en-US" sz="8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 – right hand side</a:t>
            </a:r>
          </a:p>
          <a:p>
            <a:r>
              <a:rPr lang="en-US" sz="8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 </a:t>
            </a:r>
            <a:r>
              <a:rPr lang="en-US" sz="800" i="1" dirty="0" err="1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lfs</a:t>
            </a:r>
            <a:r>
              <a:rPr lang="en-US" sz="8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 – left hand side</a:t>
            </a:r>
          </a:p>
          <a:p>
            <a:r>
              <a:rPr lang="en-US" sz="8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SA – Seasonal adjustment</a:t>
            </a:r>
            <a:endParaRPr lang="en-US" sz="800" i="1" dirty="0">
              <a:solidFill>
                <a:schemeClr val="tx1">
                  <a:lumMod val="50000"/>
                  <a:lumOff val="50000"/>
                </a:schemeClr>
              </a:solidFill>
            </a:endParaRPr>
          </a:p>
        </p:txBody>
      </p:sp>
      <p:grpSp>
        <p:nvGrpSpPr>
          <p:cNvPr id="3" name="Group 2"/>
          <p:cNvGrpSpPr/>
          <p:nvPr/>
        </p:nvGrpSpPr>
        <p:grpSpPr>
          <a:xfrm>
            <a:off x="101553" y="800290"/>
            <a:ext cx="4391227" cy="1771461"/>
            <a:chOff x="101551" y="800289"/>
            <a:chExt cx="4391227" cy="1771461"/>
          </a:xfrm>
        </p:grpSpPr>
        <p:grpSp>
          <p:nvGrpSpPr>
            <p:cNvPr id="21" name="Group 20"/>
            <p:cNvGrpSpPr/>
            <p:nvPr/>
          </p:nvGrpSpPr>
          <p:grpSpPr>
            <a:xfrm>
              <a:off x="101551" y="919201"/>
              <a:ext cx="4250431" cy="1652549"/>
              <a:chOff x="-51043" y="1070811"/>
              <a:chExt cx="4250431" cy="1652549"/>
            </a:xfrm>
          </p:grpSpPr>
          <p:pic>
            <p:nvPicPr>
              <p:cNvPr id="22" name="Picture 3"/>
              <p:cNvPicPr>
                <a:picLocks noChangeAspect="1" noChangeArrowheads="1"/>
              </p:cNvPicPr>
              <p:nvPr/>
            </p:nvPicPr>
            <p:blipFill rotWithShape="1">
              <a:blip r:embed="rId3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r="2695"/>
              <a:stretch/>
            </p:blipFill>
            <p:spPr bwMode="auto">
              <a:xfrm>
                <a:off x="1447606" y="1070811"/>
                <a:ext cx="2751782" cy="1652549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</a:extLst>
            </p:spPr>
          </p:pic>
          <p:sp>
            <p:nvSpPr>
              <p:cNvPr id="23" name="TextBox 22"/>
              <p:cNvSpPr txBox="1"/>
              <p:nvPr/>
            </p:nvSpPr>
            <p:spPr>
              <a:xfrm>
                <a:off x="-51043" y="1262703"/>
                <a:ext cx="1727443" cy="830997"/>
              </a:xfrm>
              <a:prstGeom prst="rect">
                <a:avLst/>
              </a:prstGeom>
              <a:noFill/>
              <a:ln>
                <a:noFill/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200" b="1" dirty="0">
                    <a:solidFill>
                      <a:schemeClr val="accent6"/>
                    </a:solidFill>
                  </a:rPr>
                  <a:t>After a lost decade, the Romanian</a:t>
                </a:r>
              </a:p>
              <a:p>
                <a:pPr algn="ctr"/>
                <a:r>
                  <a:rPr lang="en-US" sz="1200" b="1" dirty="0">
                    <a:solidFill>
                      <a:schemeClr val="accent6"/>
                    </a:solidFill>
                  </a:rPr>
                  <a:t>economy accelerated</a:t>
                </a:r>
              </a:p>
            </p:txBody>
          </p:sp>
        </p:grpSp>
        <p:sp>
          <p:nvSpPr>
            <p:cNvPr id="2" name="Rounded Rectangle 1"/>
            <p:cNvSpPr/>
            <p:nvPr/>
          </p:nvSpPr>
          <p:spPr>
            <a:xfrm>
              <a:off x="228600" y="800289"/>
              <a:ext cx="4264178" cy="1771461"/>
            </a:xfrm>
            <a:prstGeom prst="roundRect">
              <a:avLst/>
            </a:prstGeom>
            <a:noFill/>
            <a:ln>
              <a:solidFill>
                <a:schemeClr val="tx1">
                  <a:lumMod val="50000"/>
                  <a:lumOff val="50000"/>
                  <a:alpha val="56000"/>
                </a:schemeClr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5" name="Group 4"/>
          <p:cNvGrpSpPr/>
          <p:nvPr/>
        </p:nvGrpSpPr>
        <p:grpSpPr>
          <a:xfrm>
            <a:off x="4441360" y="819150"/>
            <a:ext cx="4397840" cy="1752600"/>
            <a:chOff x="4441360" y="819150"/>
            <a:chExt cx="4397840" cy="1752600"/>
          </a:xfrm>
        </p:grpSpPr>
        <p:grpSp>
          <p:nvGrpSpPr>
            <p:cNvPr id="24" name="Group 23"/>
            <p:cNvGrpSpPr/>
            <p:nvPr/>
          </p:nvGrpSpPr>
          <p:grpSpPr>
            <a:xfrm>
              <a:off x="4441360" y="895350"/>
              <a:ext cx="4203840" cy="1655845"/>
              <a:chOff x="4419600" y="1026452"/>
              <a:chExt cx="4203840" cy="1655845"/>
            </a:xfrm>
          </p:grpSpPr>
          <p:sp>
            <p:nvSpPr>
              <p:cNvPr id="25" name="TextBox 24"/>
              <p:cNvSpPr txBox="1"/>
              <p:nvPr/>
            </p:nvSpPr>
            <p:spPr>
              <a:xfrm>
                <a:off x="4419600" y="1343494"/>
                <a:ext cx="1959440" cy="830997"/>
              </a:xfrm>
              <a:prstGeom prst="rect">
                <a:avLst/>
              </a:prstGeom>
              <a:noFill/>
              <a:ln>
                <a:noFill/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200" b="1" dirty="0">
                    <a:solidFill>
                      <a:schemeClr val="accent6"/>
                    </a:solidFill>
                  </a:rPr>
                  <a:t>Romania – </a:t>
                </a:r>
                <a:endParaRPr lang="en-US" sz="1200" b="1" dirty="0" smtClean="0">
                  <a:solidFill>
                    <a:schemeClr val="accent6"/>
                  </a:solidFill>
                </a:endParaRPr>
              </a:p>
              <a:p>
                <a:pPr algn="ctr"/>
                <a:r>
                  <a:rPr lang="en-US" sz="1200" b="1" dirty="0" smtClean="0">
                    <a:solidFill>
                      <a:schemeClr val="accent6"/>
                    </a:solidFill>
                  </a:rPr>
                  <a:t>a </a:t>
                </a:r>
                <a:r>
                  <a:rPr lang="en-US" sz="1200" b="1" dirty="0">
                    <a:solidFill>
                      <a:schemeClr val="accent6"/>
                    </a:solidFill>
                  </a:rPr>
                  <a:t>crucial partner </a:t>
                </a:r>
                <a:endParaRPr lang="en-US" sz="1200" b="1" dirty="0" smtClean="0">
                  <a:solidFill>
                    <a:schemeClr val="accent6"/>
                  </a:solidFill>
                </a:endParaRPr>
              </a:p>
              <a:p>
                <a:pPr algn="ctr"/>
                <a:r>
                  <a:rPr lang="en-US" sz="1200" b="1" dirty="0" smtClean="0">
                    <a:solidFill>
                      <a:schemeClr val="accent6"/>
                    </a:solidFill>
                  </a:rPr>
                  <a:t>for the West </a:t>
                </a:r>
                <a:r>
                  <a:rPr lang="en-US" sz="1200" b="1" dirty="0">
                    <a:solidFill>
                      <a:schemeClr val="accent6"/>
                    </a:solidFill>
                  </a:rPr>
                  <a:t>in current turbulent geopolitics</a:t>
                </a:r>
              </a:p>
            </p:txBody>
          </p:sp>
          <p:pic>
            <p:nvPicPr>
              <p:cNvPr id="26" name="Picture 5"/>
              <p:cNvPicPr>
                <a:picLocks noChangeAspect="1" noChangeArrowheads="1"/>
              </p:cNvPicPr>
              <p:nvPr/>
            </p:nvPicPr>
            <p:blipFill>
              <a:blip r:embed="rId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6302840" y="1026452"/>
                <a:ext cx="2320600" cy="165584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</a:extLst>
            </p:spPr>
          </p:pic>
        </p:grpSp>
        <p:sp>
          <p:nvSpPr>
            <p:cNvPr id="37" name="Rounded Rectangle 36"/>
            <p:cNvSpPr/>
            <p:nvPr/>
          </p:nvSpPr>
          <p:spPr>
            <a:xfrm>
              <a:off x="4508762" y="819150"/>
              <a:ext cx="4330438" cy="1752600"/>
            </a:xfrm>
            <a:prstGeom prst="roundRect">
              <a:avLst/>
            </a:prstGeom>
            <a:noFill/>
            <a:ln>
              <a:solidFill>
                <a:schemeClr val="tx1">
                  <a:lumMod val="50000"/>
                  <a:lumOff val="50000"/>
                  <a:alpha val="56000"/>
                </a:schemeClr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6" name="Group 5"/>
          <p:cNvGrpSpPr/>
          <p:nvPr/>
        </p:nvGrpSpPr>
        <p:grpSpPr>
          <a:xfrm>
            <a:off x="215595" y="2724149"/>
            <a:ext cx="4264178" cy="1885851"/>
            <a:chOff x="76200" y="2876549"/>
            <a:chExt cx="4264178" cy="1885851"/>
          </a:xfrm>
        </p:grpSpPr>
        <p:grpSp>
          <p:nvGrpSpPr>
            <p:cNvPr id="27" name="Group 26"/>
            <p:cNvGrpSpPr/>
            <p:nvPr/>
          </p:nvGrpSpPr>
          <p:grpSpPr>
            <a:xfrm>
              <a:off x="241605" y="2952750"/>
              <a:ext cx="3857221" cy="1707917"/>
              <a:chOff x="228600" y="2977674"/>
              <a:chExt cx="3857221" cy="1707917"/>
            </a:xfrm>
          </p:grpSpPr>
          <p:pic>
            <p:nvPicPr>
              <p:cNvPr id="28" name="Picture 4"/>
              <p:cNvPicPr>
                <a:picLocks noChangeAspect="1" noChangeArrowheads="1"/>
              </p:cNvPicPr>
              <p:nvPr/>
            </p:nvPicPr>
            <p:blipFill rotWithShape="1">
              <a:blip r:embed="rId5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r="5747"/>
              <a:stretch/>
            </p:blipFill>
            <p:spPr bwMode="auto">
              <a:xfrm>
                <a:off x="1521453" y="2977674"/>
                <a:ext cx="2564368" cy="170791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</a:extLst>
            </p:spPr>
          </p:pic>
          <p:sp>
            <p:nvSpPr>
              <p:cNvPr id="29" name="TextBox 28"/>
              <p:cNvSpPr txBox="1"/>
              <p:nvPr/>
            </p:nvSpPr>
            <p:spPr>
              <a:xfrm>
                <a:off x="228600" y="3314700"/>
                <a:ext cx="1283795" cy="646331"/>
              </a:xfrm>
              <a:prstGeom prst="rect">
                <a:avLst/>
              </a:prstGeom>
              <a:noFill/>
              <a:ln>
                <a:noFill/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200" b="1" dirty="0">
                    <a:solidFill>
                      <a:schemeClr val="accent6"/>
                    </a:solidFill>
                  </a:rPr>
                  <a:t>Solid wage </a:t>
                </a:r>
                <a:endParaRPr lang="en-US" sz="1200" b="1" dirty="0" smtClean="0">
                  <a:solidFill>
                    <a:schemeClr val="accent6"/>
                  </a:solidFill>
                </a:endParaRPr>
              </a:p>
              <a:p>
                <a:pPr algn="ctr"/>
                <a:r>
                  <a:rPr lang="en-US" sz="1200" b="1" dirty="0" smtClean="0">
                    <a:solidFill>
                      <a:schemeClr val="accent6"/>
                    </a:solidFill>
                  </a:rPr>
                  <a:t>growth </a:t>
                </a:r>
                <a:r>
                  <a:rPr lang="en-US" sz="1200" b="1" dirty="0">
                    <a:solidFill>
                      <a:schemeClr val="accent6"/>
                    </a:solidFill>
                  </a:rPr>
                  <a:t>&amp; </a:t>
                </a:r>
                <a:endParaRPr lang="en-US" sz="1200" b="1" dirty="0" smtClean="0">
                  <a:solidFill>
                    <a:schemeClr val="accent6"/>
                  </a:solidFill>
                </a:endParaRPr>
              </a:p>
              <a:p>
                <a:pPr algn="ctr"/>
                <a:r>
                  <a:rPr lang="en-US" sz="1200" b="1" dirty="0" smtClean="0">
                    <a:solidFill>
                      <a:schemeClr val="accent6"/>
                    </a:solidFill>
                  </a:rPr>
                  <a:t>negative CPI</a:t>
                </a:r>
                <a:endParaRPr lang="en-US" sz="1200" b="1" dirty="0">
                  <a:solidFill>
                    <a:schemeClr val="accent6"/>
                  </a:solidFill>
                </a:endParaRPr>
              </a:p>
            </p:txBody>
          </p:sp>
        </p:grpSp>
        <p:sp>
          <p:nvSpPr>
            <p:cNvPr id="38" name="Rounded Rectangle 37"/>
            <p:cNvSpPr/>
            <p:nvPr/>
          </p:nvSpPr>
          <p:spPr>
            <a:xfrm>
              <a:off x="76200" y="2876549"/>
              <a:ext cx="4264178" cy="1885851"/>
            </a:xfrm>
            <a:prstGeom prst="roundRect">
              <a:avLst/>
            </a:prstGeom>
            <a:noFill/>
            <a:ln>
              <a:solidFill>
                <a:schemeClr val="tx1">
                  <a:lumMod val="50000"/>
                  <a:lumOff val="50000"/>
                  <a:alpha val="56000"/>
                </a:schemeClr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7" name="Group 6"/>
          <p:cNvGrpSpPr/>
          <p:nvPr/>
        </p:nvGrpSpPr>
        <p:grpSpPr>
          <a:xfrm>
            <a:off x="4339158" y="2705002"/>
            <a:ext cx="4478282" cy="2081987"/>
            <a:chOff x="4437118" y="2800350"/>
            <a:chExt cx="4478282" cy="2081987"/>
          </a:xfrm>
        </p:grpSpPr>
        <p:grpSp>
          <p:nvGrpSpPr>
            <p:cNvPr id="30" name="Group 29"/>
            <p:cNvGrpSpPr/>
            <p:nvPr/>
          </p:nvGrpSpPr>
          <p:grpSpPr>
            <a:xfrm>
              <a:off x="4437118" y="2895699"/>
              <a:ext cx="4325882" cy="1986638"/>
              <a:chOff x="4437118" y="3062764"/>
              <a:chExt cx="4325882" cy="1986638"/>
            </a:xfrm>
          </p:grpSpPr>
          <p:pic>
            <p:nvPicPr>
              <p:cNvPr id="31" name="Picture 3"/>
              <p:cNvPicPr>
                <a:picLocks noChangeAspect="1" noChangeArrowheads="1"/>
              </p:cNvPicPr>
              <p:nvPr/>
            </p:nvPicPr>
            <p:blipFill rotWithShape="1">
              <a:blip r:embed="rId6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r="5663"/>
              <a:stretch/>
            </p:blipFill>
            <p:spPr bwMode="auto">
              <a:xfrm>
                <a:off x="6172201" y="3062764"/>
                <a:ext cx="2590799" cy="173990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</a:extLst>
            </p:spPr>
          </p:pic>
          <p:sp>
            <p:nvSpPr>
              <p:cNvPr id="32" name="TextBox 31"/>
              <p:cNvSpPr txBox="1"/>
              <p:nvPr/>
            </p:nvSpPr>
            <p:spPr>
              <a:xfrm>
                <a:off x="4456601" y="3189764"/>
                <a:ext cx="1890155" cy="461665"/>
              </a:xfrm>
              <a:prstGeom prst="rect">
                <a:avLst/>
              </a:prstGeom>
              <a:noFill/>
              <a:ln>
                <a:noFill/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200" b="1" dirty="0">
                    <a:solidFill>
                      <a:schemeClr val="accent6"/>
                    </a:solidFill>
                  </a:rPr>
                  <a:t>Unemployment Rate </a:t>
                </a:r>
              </a:p>
              <a:p>
                <a:pPr algn="ctr"/>
                <a:r>
                  <a:rPr lang="en-US" sz="1200" b="1" dirty="0">
                    <a:solidFill>
                      <a:schemeClr val="accent6"/>
                    </a:solidFill>
                  </a:rPr>
                  <a:t>is decreasing  </a:t>
                </a:r>
              </a:p>
            </p:txBody>
          </p:sp>
          <p:sp>
            <p:nvSpPr>
              <p:cNvPr id="33" name="TextBox 32"/>
              <p:cNvSpPr txBox="1"/>
              <p:nvPr/>
            </p:nvSpPr>
            <p:spPr>
              <a:xfrm>
                <a:off x="4437118" y="3692084"/>
                <a:ext cx="1848678" cy="523220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600" b="1" dirty="0" smtClean="0">
                    <a:solidFill>
                      <a:srgbClr val="0070C0"/>
                    </a:solidFill>
                  </a:rPr>
                  <a:t>-5.8% </a:t>
                </a:r>
              </a:p>
              <a:p>
                <a:pPr algn="ctr"/>
                <a:r>
                  <a:rPr lang="en-US" sz="1200" i="1" dirty="0" smtClean="0">
                    <a:solidFill>
                      <a:srgbClr val="0070C0"/>
                    </a:solidFill>
                  </a:rPr>
                  <a:t>Jan’16 vs Jan’15</a:t>
                </a:r>
                <a:endParaRPr lang="en-US" sz="1200" i="1" dirty="0">
                  <a:solidFill>
                    <a:srgbClr val="0070C0"/>
                  </a:solidFill>
                </a:endParaRPr>
              </a:p>
            </p:txBody>
          </p:sp>
          <p:sp>
            <p:nvSpPr>
              <p:cNvPr id="34" name="TextBox 33"/>
              <p:cNvSpPr txBox="1"/>
              <p:nvPr/>
            </p:nvSpPr>
            <p:spPr>
              <a:xfrm>
                <a:off x="4572001" y="4245233"/>
                <a:ext cx="1679423" cy="646331"/>
              </a:xfrm>
              <a:prstGeom prst="rect">
                <a:avLst/>
              </a:prstGeom>
              <a:noFill/>
              <a:ln>
                <a:noFill/>
              </a:ln>
              <a:effectLst>
                <a:outerShdw blurRad="44450" dist="27940" dir="5400000" algn="ctr">
                  <a:srgbClr val="000000">
                    <a:alpha val="32000"/>
                  </a:srgbClr>
                </a:outerShdw>
              </a:effectLst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>
                  <a:defRPr>
                    <a:solidFill>
                      <a:schemeClr val="tx1"/>
                    </a:solidFill>
                  </a:defRPr>
                </a:lvl1pPr>
                <a:lvl2pPr>
                  <a:defRPr>
                    <a:solidFill>
                      <a:schemeClr val="tx1"/>
                    </a:solidFill>
                  </a:defRPr>
                </a:lvl2pPr>
                <a:lvl3pPr>
                  <a:defRPr>
                    <a:solidFill>
                      <a:schemeClr val="tx1"/>
                    </a:solidFill>
                  </a:defRPr>
                </a:lvl3pPr>
                <a:lvl4pPr>
                  <a:defRPr>
                    <a:solidFill>
                      <a:schemeClr val="tx1"/>
                    </a:solidFill>
                  </a:defRPr>
                </a:lvl4pPr>
                <a:lvl5pPr>
                  <a:defRPr>
                    <a:solidFill>
                      <a:schemeClr val="tx1"/>
                    </a:solidFill>
                  </a:defRPr>
                </a:lvl5pPr>
                <a:lvl6pPr>
                  <a:defRPr>
                    <a:solidFill>
                      <a:schemeClr val="tx1"/>
                    </a:solidFill>
                  </a:defRPr>
                </a:lvl6pPr>
                <a:lvl7pPr>
                  <a:defRPr>
                    <a:solidFill>
                      <a:schemeClr val="tx1"/>
                    </a:solidFill>
                  </a:defRPr>
                </a:lvl7pPr>
                <a:lvl8pPr>
                  <a:defRPr>
                    <a:solidFill>
                      <a:schemeClr val="tx1"/>
                    </a:solidFill>
                  </a:defRPr>
                </a:lvl8pPr>
                <a:lvl9pPr>
                  <a:defRPr>
                    <a:solidFill>
                      <a:schemeClr val="tx1"/>
                    </a:solidFill>
                  </a:defRPr>
                </a:lvl9pPr>
              </a:lstStyle>
              <a:p>
                <a:pPr algn="ctr"/>
                <a:r>
                  <a:rPr lang="en-US" sz="1200" dirty="0"/>
                  <a:t>Close to 0% unemployment rate in Bucharest</a:t>
                </a:r>
              </a:p>
            </p:txBody>
          </p:sp>
          <p:sp>
            <p:nvSpPr>
              <p:cNvPr id="35" name="TextBox 34"/>
              <p:cNvSpPr txBox="1"/>
              <p:nvPr/>
            </p:nvSpPr>
            <p:spPr>
              <a:xfrm>
                <a:off x="6501784" y="4833958"/>
                <a:ext cx="1752600" cy="215444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en-US" sz="800" i="1">
                    <a:solidFill>
                      <a:schemeClr val="tx1">
                        <a:lumMod val="50000"/>
                        <a:lumOff val="50000"/>
                      </a:schemeClr>
                    </a:solidFill>
                  </a:rPr>
                  <a:t>*</a:t>
                </a:r>
                <a:r>
                  <a:rPr lang="en-US" sz="800" i="1" smtClean="0">
                    <a:solidFill>
                      <a:schemeClr val="tx1">
                        <a:lumMod val="50000"/>
                        <a:lumOff val="50000"/>
                      </a:schemeClr>
                    </a:solidFill>
                  </a:rPr>
                  <a:t>LFS - Labour Force Survey</a:t>
                </a:r>
                <a:endParaRPr lang="en-US" sz="800" i="1">
                  <a:solidFill>
                    <a:schemeClr val="tx1">
                      <a:lumMod val="50000"/>
                      <a:lumOff val="50000"/>
                    </a:schemeClr>
                  </a:solidFill>
                </a:endParaRPr>
              </a:p>
            </p:txBody>
          </p:sp>
        </p:grpSp>
        <p:sp>
          <p:nvSpPr>
            <p:cNvPr id="39" name="Rounded Rectangle 38"/>
            <p:cNvSpPr/>
            <p:nvPr/>
          </p:nvSpPr>
          <p:spPr>
            <a:xfrm>
              <a:off x="4571999" y="2800350"/>
              <a:ext cx="4343401" cy="1905000"/>
            </a:xfrm>
            <a:prstGeom prst="roundRect">
              <a:avLst/>
            </a:prstGeom>
            <a:noFill/>
            <a:ln>
              <a:solidFill>
                <a:schemeClr val="tx1">
                  <a:lumMod val="50000"/>
                  <a:lumOff val="50000"/>
                  <a:alpha val="56000"/>
                </a:schemeClr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pic>
        <p:nvPicPr>
          <p:cNvPr id="41" name="Picture 29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25764746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6978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" y="0"/>
            <a:ext cx="9143999" cy="515181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3" name="Title 1"/>
          <p:cNvSpPr txBox="1">
            <a:spLocks/>
          </p:cNvSpPr>
          <p:nvPr/>
        </p:nvSpPr>
        <p:spPr bwMode="auto">
          <a:xfrm>
            <a:off x="685800" y="57150"/>
            <a:ext cx="8229600" cy="3875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 kern="12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defRPr>
            </a:lvl1pPr>
            <a:lvl2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2pPr>
            <a:lvl3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3pPr>
            <a:lvl4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4pPr>
            <a:lvl5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5pPr>
            <a:lvl6pPr marL="456972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6pPr>
            <a:lvl7pPr marL="91394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7pPr>
            <a:lvl8pPr marL="137091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8pPr>
            <a:lvl9pPr marL="1827890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9pPr>
          </a:lstStyle>
          <a:p>
            <a:pPr>
              <a:defRPr/>
            </a:pPr>
            <a:r>
              <a:rPr lang="en-US" sz="2400" b="1" dirty="0" smtClean="0"/>
              <a:t>Romania – Other Interesting Country Facts</a:t>
            </a:r>
          </a:p>
        </p:txBody>
      </p:sp>
      <p:grpSp>
        <p:nvGrpSpPr>
          <p:cNvPr id="7" name="Group 6"/>
          <p:cNvGrpSpPr/>
          <p:nvPr/>
        </p:nvGrpSpPr>
        <p:grpSpPr>
          <a:xfrm>
            <a:off x="381000" y="590550"/>
            <a:ext cx="4111778" cy="1924050"/>
            <a:chOff x="381000" y="800100"/>
            <a:chExt cx="4111778" cy="1924050"/>
          </a:xfrm>
        </p:grpSpPr>
        <p:pic>
          <p:nvPicPr>
            <p:cNvPr id="87042" name="Picture 2"/>
            <p:cNvPicPr>
              <a:picLocks noChangeAspect="1" noChangeArrowheads="1"/>
            </p:cNvPicPr>
            <p:nvPr/>
          </p:nvPicPr>
          <p:blipFill rotWithShape="1"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8780" t="32417" r="27491" b="10595"/>
            <a:stretch/>
          </p:blipFill>
          <p:spPr bwMode="auto">
            <a:xfrm>
              <a:off x="600709" y="800389"/>
              <a:ext cx="3643064" cy="1923761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12" name="Rounded Rectangle 11"/>
            <p:cNvSpPr/>
            <p:nvPr/>
          </p:nvSpPr>
          <p:spPr>
            <a:xfrm>
              <a:off x="381000" y="800100"/>
              <a:ext cx="4111778" cy="1920240"/>
            </a:xfrm>
            <a:prstGeom prst="roundRect">
              <a:avLst/>
            </a:prstGeom>
            <a:noFill/>
            <a:ln>
              <a:solidFill>
                <a:schemeClr val="tx1">
                  <a:lumMod val="50000"/>
                  <a:lumOff val="50000"/>
                  <a:alpha val="56000"/>
                </a:schemeClr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6" name="Group 5"/>
          <p:cNvGrpSpPr/>
          <p:nvPr/>
        </p:nvGrpSpPr>
        <p:grpSpPr>
          <a:xfrm>
            <a:off x="4651222" y="590550"/>
            <a:ext cx="4111778" cy="1920240"/>
            <a:chOff x="4651222" y="800100"/>
            <a:chExt cx="4111778" cy="1920240"/>
          </a:xfrm>
        </p:grpSpPr>
        <p:pic>
          <p:nvPicPr>
            <p:cNvPr id="87043" name="Picture 3"/>
            <p:cNvPicPr>
              <a:picLocks noChangeAspect="1" noChangeArrowheads="1"/>
            </p:cNvPicPr>
            <p:nvPr/>
          </p:nvPicPr>
          <p:blipFill rotWithShape="1">
            <a:blip r:embed="rId4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8669" t="29733" r="27819" b="12247"/>
            <a:stretch/>
          </p:blipFill>
          <p:spPr bwMode="auto">
            <a:xfrm>
              <a:off x="4923972" y="800100"/>
              <a:ext cx="3553958" cy="192024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15" name="Rounded Rectangle 14"/>
            <p:cNvSpPr/>
            <p:nvPr/>
          </p:nvSpPr>
          <p:spPr>
            <a:xfrm>
              <a:off x="4651222" y="800389"/>
              <a:ext cx="4111778" cy="1919951"/>
            </a:xfrm>
            <a:prstGeom prst="roundRect">
              <a:avLst/>
            </a:prstGeom>
            <a:noFill/>
            <a:ln>
              <a:solidFill>
                <a:schemeClr val="tx1">
                  <a:lumMod val="50000"/>
                  <a:lumOff val="50000"/>
                  <a:alpha val="56000"/>
                </a:schemeClr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4" name="Group 3"/>
          <p:cNvGrpSpPr/>
          <p:nvPr/>
        </p:nvGrpSpPr>
        <p:grpSpPr>
          <a:xfrm>
            <a:off x="381000" y="2575560"/>
            <a:ext cx="4111778" cy="1958340"/>
            <a:chOff x="381000" y="2785110"/>
            <a:chExt cx="4111778" cy="1958340"/>
          </a:xfrm>
        </p:grpSpPr>
        <p:pic>
          <p:nvPicPr>
            <p:cNvPr id="87045" name="Picture 5"/>
            <p:cNvPicPr>
              <a:picLocks noChangeAspect="1" noChangeArrowheads="1"/>
            </p:cNvPicPr>
            <p:nvPr/>
          </p:nvPicPr>
          <p:blipFill rotWithShape="1"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51738" t="41070" r="20438" b="16809"/>
            <a:stretch/>
          </p:blipFill>
          <p:spPr bwMode="auto">
            <a:xfrm>
              <a:off x="879474" y="2823210"/>
              <a:ext cx="3130415" cy="192024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16" name="Rounded Rectangle 15"/>
            <p:cNvSpPr/>
            <p:nvPr/>
          </p:nvSpPr>
          <p:spPr>
            <a:xfrm>
              <a:off x="381000" y="2785110"/>
              <a:ext cx="4111778" cy="1920240"/>
            </a:xfrm>
            <a:prstGeom prst="roundRect">
              <a:avLst/>
            </a:prstGeom>
            <a:noFill/>
            <a:ln>
              <a:solidFill>
                <a:schemeClr val="tx1">
                  <a:lumMod val="50000"/>
                  <a:lumOff val="50000"/>
                  <a:alpha val="56000"/>
                </a:schemeClr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5" name="Group 4"/>
          <p:cNvGrpSpPr/>
          <p:nvPr/>
        </p:nvGrpSpPr>
        <p:grpSpPr>
          <a:xfrm>
            <a:off x="4651222" y="2590800"/>
            <a:ext cx="4111778" cy="1920240"/>
            <a:chOff x="4651222" y="2800350"/>
            <a:chExt cx="4111778" cy="1920240"/>
          </a:xfrm>
        </p:grpSpPr>
        <p:pic>
          <p:nvPicPr>
            <p:cNvPr id="87046" name="Picture 6"/>
            <p:cNvPicPr>
              <a:picLocks noChangeAspect="1" noChangeArrowheads="1"/>
            </p:cNvPicPr>
            <p:nvPr/>
          </p:nvPicPr>
          <p:blipFill rotWithShape="1">
            <a:blip r:embed="rId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49530" t="38611" r="22917" b="25668"/>
            <a:stretch/>
          </p:blipFill>
          <p:spPr bwMode="auto">
            <a:xfrm>
              <a:off x="4953000" y="2834640"/>
              <a:ext cx="3524930" cy="185166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17" name="Rounded Rectangle 16"/>
            <p:cNvSpPr/>
            <p:nvPr/>
          </p:nvSpPr>
          <p:spPr>
            <a:xfrm>
              <a:off x="4651222" y="2800350"/>
              <a:ext cx="4111778" cy="1920240"/>
            </a:xfrm>
            <a:prstGeom prst="roundRect">
              <a:avLst/>
            </a:prstGeom>
            <a:noFill/>
            <a:ln>
              <a:solidFill>
                <a:schemeClr val="tx1">
                  <a:lumMod val="50000"/>
                  <a:lumOff val="50000"/>
                  <a:alpha val="56000"/>
                </a:schemeClr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2" name="TextBox 1"/>
          <p:cNvSpPr txBox="1"/>
          <p:nvPr/>
        </p:nvSpPr>
        <p:spPr>
          <a:xfrm>
            <a:off x="6952087" y="2888218"/>
            <a:ext cx="165851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900" b="1" smtClean="0"/>
              <a:t>3.5 times higher than national average</a:t>
            </a:r>
            <a:endParaRPr lang="en-US" sz="900" b="1"/>
          </a:p>
        </p:txBody>
      </p:sp>
      <p:pic>
        <p:nvPicPr>
          <p:cNvPr id="18" name="Picture 29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0468101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fr-FR" smtClean="0"/>
              <a:t>|</a:t>
            </a:r>
            <a:r>
              <a:rPr lang="fr-FR" smtClean="0">
                <a:solidFill>
                  <a:srgbClr val="898989"/>
                </a:solidFill>
              </a:rPr>
              <a:t> </a:t>
            </a:r>
            <a:r>
              <a:rPr lang="en-US" smtClean="0">
                <a:solidFill>
                  <a:srgbClr val="898989"/>
                </a:solidFill>
              </a:rPr>
              <a:t> </a:t>
            </a:r>
            <a:fld id="{79AA2A7C-E190-A748-A14F-A773FF769E66}" type="slidenum">
              <a:rPr lang="en-US" smtClean="0">
                <a:solidFill>
                  <a:srgbClr val="898989"/>
                </a:solidFill>
              </a:rPr>
              <a:pPr>
                <a:defRPr/>
              </a:pPr>
              <a:t>7</a:t>
            </a:fld>
            <a:endParaRPr lang="fr-FR" dirty="0">
              <a:solidFill>
                <a:srgbClr val="898989"/>
              </a:solidFill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758555" y="438150"/>
            <a:ext cx="7648029" cy="553998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 rtlCol="0">
            <a:spAutoFit/>
          </a:bodyPr>
          <a:lstStyle/>
          <a:p>
            <a:r>
              <a:rPr lang="en-US" sz="1500" b="1" dirty="0">
                <a:solidFill>
                  <a:schemeClr val="accent6"/>
                </a:solidFill>
              </a:rPr>
              <a:t>Economic growth in Romania is among </a:t>
            </a:r>
            <a:r>
              <a:rPr lang="en-US" sz="1500" b="1" dirty="0" smtClean="0">
                <a:solidFill>
                  <a:schemeClr val="accent6"/>
                </a:solidFill>
              </a:rPr>
              <a:t>the highest </a:t>
            </a:r>
            <a:r>
              <a:rPr lang="en-US" sz="1500" b="1" dirty="0">
                <a:solidFill>
                  <a:schemeClr val="accent6"/>
                </a:solidFill>
              </a:rPr>
              <a:t>in the EU and </a:t>
            </a:r>
            <a:r>
              <a:rPr lang="en-US" sz="1500" b="1" dirty="0" smtClean="0">
                <a:solidFill>
                  <a:schemeClr val="accent6"/>
                </a:solidFill>
              </a:rPr>
              <a:t>with high potential for the coming years.</a:t>
            </a:r>
            <a:endParaRPr lang="en-US" sz="1500" b="1" dirty="0">
              <a:solidFill>
                <a:schemeClr val="accent6"/>
              </a:solidFill>
            </a:endParaRPr>
          </a:p>
        </p:txBody>
      </p:sp>
      <p:sp>
        <p:nvSpPr>
          <p:cNvPr id="19" name="Title 1"/>
          <p:cNvSpPr txBox="1">
            <a:spLocks/>
          </p:cNvSpPr>
          <p:nvPr/>
        </p:nvSpPr>
        <p:spPr bwMode="auto">
          <a:xfrm>
            <a:off x="685800" y="-19050"/>
            <a:ext cx="8229600" cy="3875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 kern="12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defRPr>
            </a:lvl1pPr>
            <a:lvl2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2pPr>
            <a:lvl3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3pPr>
            <a:lvl4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4pPr>
            <a:lvl5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5pPr>
            <a:lvl6pPr marL="456972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6pPr>
            <a:lvl7pPr marL="91394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7pPr>
            <a:lvl8pPr marL="137091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8pPr>
            <a:lvl9pPr marL="1827890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9pPr>
          </a:lstStyle>
          <a:p>
            <a:pPr>
              <a:defRPr/>
            </a:pPr>
            <a:r>
              <a:rPr lang="nl-BE" sz="2400" b="1" dirty="0"/>
              <a:t>Macro economics Evolution</a:t>
            </a:r>
            <a:endParaRPr lang="en-US" sz="2400" b="1" dirty="0"/>
          </a:p>
        </p:txBody>
      </p:sp>
      <p:pic>
        <p:nvPicPr>
          <p:cNvPr id="22" name="Picture 3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19200" y="992148"/>
            <a:ext cx="6705600" cy="363124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1" name="Picture 29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3" name="TextBox 22"/>
          <p:cNvSpPr txBox="1"/>
          <p:nvPr/>
        </p:nvSpPr>
        <p:spPr>
          <a:xfrm>
            <a:off x="2565398" y="4594424"/>
            <a:ext cx="5613402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457200"/>
            <a:r>
              <a:rPr lang="en-US" sz="1000" i="1" dirty="0" smtClean="0">
                <a:solidFill>
                  <a:prstClr val="black">
                    <a:lumMod val="50000"/>
                    <a:lumOff val="50000"/>
                  </a:prstClr>
                </a:solidFill>
              </a:rPr>
              <a:t>Inflation includes impact of VAT decrease</a:t>
            </a:r>
          </a:p>
          <a:p>
            <a:pPr defTabSz="457200"/>
            <a:r>
              <a:rPr lang="en-US" sz="1000" i="1" dirty="0" smtClean="0">
                <a:solidFill>
                  <a:prstClr val="black">
                    <a:lumMod val="50000"/>
                    <a:lumOff val="50000"/>
                  </a:prstClr>
                </a:solidFill>
              </a:rPr>
              <a:t>Sources: National Bank of Romania, The </a:t>
            </a:r>
            <a:r>
              <a:rPr lang="en-US" sz="1000" i="1" dirty="0">
                <a:solidFill>
                  <a:prstClr val="black">
                    <a:lumMod val="50000"/>
                    <a:lumOff val="50000"/>
                  </a:prstClr>
                </a:solidFill>
              </a:rPr>
              <a:t>National Prognosis Commission, ING Bank Forecast</a:t>
            </a:r>
          </a:p>
        </p:txBody>
      </p:sp>
    </p:spTree>
    <p:extLst>
      <p:ext uri="{BB962C8B-B14F-4D97-AF65-F5344CB8AC3E}">
        <p14:creationId xmlns:p14="http://schemas.microsoft.com/office/powerpoint/2010/main" val="42393164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8002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fr-FR" smtClean="0"/>
              <a:t>|</a:t>
            </a:r>
            <a:r>
              <a:rPr lang="fr-FR" smtClean="0">
                <a:solidFill>
                  <a:srgbClr val="898989"/>
                </a:solidFill>
              </a:rPr>
              <a:t> </a:t>
            </a:r>
            <a:r>
              <a:rPr lang="en-US" smtClean="0">
                <a:solidFill>
                  <a:srgbClr val="898989"/>
                </a:solidFill>
              </a:rPr>
              <a:t> </a:t>
            </a:r>
            <a:fld id="{79AA2A7C-E190-A748-A14F-A773FF769E66}" type="slidenum">
              <a:rPr lang="en-US" smtClean="0">
                <a:solidFill>
                  <a:srgbClr val="898989"/>
                </a:solidFill>
              </a:rPr>
              <a:pPr>
                <a:defRPr/>
              </a:pPr>
              <a:t>8</a:t>
            </a:fld>
            <a:endParaRPr lang="fr-FR" dirty="0">
              <a:solidFill>
                <a:srgbClr val="898989"/>
              </a:solidFill>
            </a:endParaRPr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488" y="666751"/>
            <a:ext cx="9144000" cy="35783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TextBox 5"/>
          <p:cNvSpPr txBox="1"/>
          <p:nvPr/>
        </p:nvSpPr>
        <p:spPr>
          <a:xfrm>
            <a:off x="2133600" y="4324350"/>
            <a:ext cx="7010400" cy="400110"/>
          </a:xfrm>
          <a:prstGeom prst="rect">
            <a:avLst/>
          </a:prstGeom>
          <a:noFill/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</p:spPr>
        <p:txBody>
          <a:bodyPr wrap="square" rtlCol="0">
            <a:spAutoFit/>
          </a:bodyPr>
          <a:lstStyle/>
          <a:p>
            <a:r>
              <a:rPr lang="en-US" dirty="0" smtClean="0"/>
              <a:t>Romania’s Growth Forecast</a:t>
            </a:r>
            <a:r>
              <a:rPr lang="en-US" dirty="0"/>
              <a:t>: </a:t>
            </a:r>
            <a:r>
              <a:rPr lang="en-US" sz="2000" b="1" dirty="0" smtClean="0">
                <a:solidFill>
                  <a:srgbClr val="0070C0"/>
                </a:solidFill>
              </a:rPr>
              <a:t>4.1%</a:t>
            </a:r>
            <a:r>
              <a:rPr lang="en-US" dirty="0"/>
              <a:t> </a:t>
            </a:r>
            <a:r>
              <a:rPr lang="en-US" dirty="0" smtClean="0"/>
              <a:t>- highest GDP increase in CEE</a:t>
            </a:r>
            <a:endParaRPr lang="en-US" sz="2000" b="1" dirty="0">
              <a:solidFill>
                <a:srgbClr val="0070C0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1488" y="1377886"/>
            <a:ext cx="3493712" cy="1225868"/>
          </a:xfrm>
          <a:prstGeom prst="roundRect">
            <a:avLst/>
          </a:prstGeom>
          <a:solidFill>
            <a:schemeClr val="lt1">
              <a:alpha val="0"/>
            </a:schemeClr>
          </a:solidFill>
          <a:ln>
            <a:solidFill>
              <a:schemeClr val="bg1"/>
            </a:solidFill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 rtlCol="0">
            <a:spAutoFit/>
          </a:bodyPr>
          <a:lstStyle/>
          <a:p>
            <a:r>
              <a:rPr lang="en-US" sz="1100" dirty="0" smtClean="0">
                <a:solidFill>
                  <a:schemeClr val="accent6"/>
                </a:solidFill>
              </a:rPr>
              <a:t>Real </a:t>
            </a:r>
            <a:r>
              <a:rPr lang="en-US" sz="1100" b="1" dirty="0">
                <a:solidFill>
                  <a:schemeClr val="accent6"/>
                </a:solidFill>
              </a:rPr>
              <a:t>GDP growth </a:t>
            </a:r>
            <a:r>
              <a:rPr lang="en-US" sz="1100" dirty="0">
                <a:solidFill>
                  <a:schemeClr val="accent6"/>
                </a:solidFill>
              </a:rPr>
              <a:t>in the </a:t>
            </a:r>
            <a:r>
              <a:rPr lang="en-US" sz="1100" b="1" dirty="0">
                <a:solidFill>
                  <a:schemeClr val="accent6"/>
                </a:solidFill>
              </a:rPr>
              <a:t>CEE</a:t>
            </a:r>
            <a:r>
              <a:rPr lang="en-US" sz="1100" dirty="0">
                <a:solidFill>
                  <a:schemeClr val="accent6"/>
                </a:solidFill>
              </a:rPr>
              <a:t> should average </a:t>
            </a:r>
            <a:r>
              <a:rPr lang="en-US" sz="1100" b="1" dirty="0">
                <a:solidFill>
                  <a:schemeClr val="accent6"/>
                </a:solidFill>
              </a:rPr>
              <a:t>3.3% </a:t>
            </a:r>
            <a:r>
              <a:rPr lang="en-US" sz="1100" b="1" dirty="0" err="1">
                <a:solidFill>
                  <a:schemeClr val="accent6"/>
                </a:solidFill>
              </a:rPr>
              <a:t>YoY</a:t>
            </a:r>
            <a:r>
              <a:rPr lang="en-US" sz="1100" b="1" dirty="0">
                <a:solidFill>
                  <a:schemeClr val="accent6"/>
                </a:solidFill>
              </a:rPr>
              <a:t> </a:t>
            </a:r>
            <a:r>
              <a:rPr lang="en-US" sz="1100" dirty="0">
                <a:solidFill>
                  <a:schemeClr val="accent6"/>
                </a:solidFill>
              </a:rPr>
              <a:t>over 2016-2017 – vs 1.6% </a:t>
            </a:r>
            <a:r>
              <a:rPr lang="en-US" sz="1100" dirty="0" err="1">
                <a:solidFill>
                  <a:schemeClr val="accent6"/>
                </a:solidFill>
              </a:rPr>
              <a:t>YoY</a:t>
            </a:r>
            <a:r>
              <a:rPr lang="en-US" sz="1100" dirty="0">
                <a:solidFill>
                  <a:schemeClr val="accent6"/>
                </a:solidFill>
              </a:rPr>
              <a:t> for the Eurozone. </a:t>
            </a:r>
          </a:p>
          <a:p>
            <a:r>
              <a:rPr lang="en-US" sz="1100" dirty="0">
                <a:solidFill>
                  <a:schemeClr val="accent6"/>
                </a:solidFill>
              </a:rPr>
              <a:t>Over the period, </a:t>
            </a:r>
            <a:r>
              <a:rPr lang="en-US" sz="1100" b="1" dirty="0">
                <a:solidFill>
                  <a:schemeClr val="accent6"/>
                </a:solidFill>
              </a:rPr>
              <a:t>Romania </a:t>
            </a:r>
            <a:r>
              <a:rPr lang="en-US" sz="1100" dirty="0">
                <a:solidFill>
                  <a:schemeClr val="accent6"/>
                </a:solidFill>
              </a:rPr>
              <a:t>is set to outperform, growing c.</a:t>
            </a:r>
            <a:r>
              <a:rPr lang="en-US" sz="1100" b="1" dirty="0">
                <a:solidFill>
                  <a:schemeClr val="accent6"/>
                </a:solidFill>
              </a:rPr>
              <a:t>4.1%</a:t>
            </a:r>
            <a:r>
              <a:rPr lang="en-US" sz="1100" dirty="0">
                <a:solidFill>
                  <a:schemeClr val="accent6"/>
                </a:solidFill>
              </a:rPr>
              <a:t>, followed by Poland (3.6</a:t>
            </a:r>
            <a:r>
              <a:rPr lang="en-US" sz="1100">
                <a:solidFill>
                  <a:schemeClr val="accent6"/>
                </a:solidFill>
              </a:rPr>
              <a:t>%), </a:t>
            </a:r>
            <a:endParaRPr lang="en-US" sz="1100" smtClean="0">
              <a:solidFill>
                <a:schemeClr val="accent6"/>
              </a:solidFill>
            </a:endParaRPr>
          </a:p>
          <a:p>
            <a:r>
              <a:rPr lang="en-US" sz="1100" smtClean="0">
                <a:solidFill>
                  <a:schemeClr val="accent6"/>
                </a:solidFill>
              </a:rPr>
              <a:t>Czech </a:t>
            </a:r>
            <a:r>
              <a:rPr lang="en-US" sz="1100" dirty="0">
                <a:solidFill>
                  <a:schemeClr val="accent6"/>
                </a:solidFill>
              </a:rPr>
              <a:t>R. (2.6%) and Hungary (2.6%). </a:t>
            </a:r>
          </a:p>
        </p:txBody>
      </p:sp>
      <p:sp>
        <p:nvSpPr>
          <p:cNvPr id="9" name="Title 1"/>
          <p:cNvSpPr>
            <a:spLocks noGrp="1"/>
          </p:cNvSpPr>
          <p:nvPr>
            <p:ph type="title" idx="4294967295"/>
          </p:nvPr>
        </p:nvSpPr>
        <p:spPr>
          <a:xfrm>
            <a:off x="685800" y="-78562"/>
            <a:ext cx="8229600" cy="516712"/>
          </a:xfrm>
        </p:spPr>
        <p:txBody>
          <a:bodyPr/>
          <a:lstStyle/>
          <a:p>
            <a:pPr>
              <a:defRPr/>
            </a:pPr>
            <a:r>
              <a:rPr lang="en-US" sz="2400" b="1" dirty="0" smtClean="0"/>
              <a:t>European Real GDP growth map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7198250" y="4794122"/>
            <a:ext cx="90435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000" i="1">
                <a:solidFill>
                  <a:schemeClr val="tx1">
                    <a:lumMod val="50000"/>
                    <a:lumOff val="50000"/>
                  </a:schemeClr>
                </a:solidFill>
              </a:defRPr>
            </a:lvl1pPr>
          </a:lstStyle>
          <a:p>
            <a:r>
              <a:rPr lang="en-US" dirty="0"/>
              <a:t>Source: ING</a:t>
            </a:r>
          </a:p>
        </p:txBody>
      </p:sp>
      <p:pic>
        <p:nvPicPr>
          <p:cNvPr id="10" name="Picture 29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7482709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2" descr="C:\Users\anamaria_ionita\Desktop\Prezentare Mega\slide-01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26980"/>
            <a:ext cx="9155488" cy="515828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2" name="Slide Number Placeholder 7"/>
          <p:cNvSpPr>
            <a:spLocks noGrp="1"/>
          </p:cNvSpPr>
          <p:nvPr>
            <p:ph type="sldNum" sz="quarter" idx="4"/>
          </p:nvPr>
        </p:nvSpPr>
        <p:spPr>
          <a:xfrm>
            <a:off x="8183566" y="4767267"/>
            <a:ext cx="503237" cy="273844"/>
          </a:xfrm>
        </p:spPr>
        <p:txBody>
          <a:bodyPr/>
          <a:lstStyle/>
          <a:p>
            <a:pPr>
              <a:defRPr/>
            </a:pPr>
            <a:r>
              <a:rPr lang="fr-FR" smtClean="0"/>
              <a:t>| </a:t>
            </a:r>
            <a:r>
              <a:rPr lang="en-US" smtClean="0"/>
              <a:t> </a:t>
            </a:r>
            <a:fld id="{E8EA0C20-C23B-EC45-AFCE-E5370929061F}" type="slidenum">
              <a:rPr lang="en-US" smtClean="0"/>
              <a:pPr>
                <a:defRPr/>
              </a:pPr>
              <a:t>9</a:t>
            </a:fld>
            <a:endParaRPr lang="fr-FR" dirty="0"/>
          </a:p>
        </p:txBody>
      </p:sp>
      <p:graphicFrame>
        <p:nvGraphicFramePr>
          <p:cNvPr id="64" name="Diagram 63"/>
          <p:cNvGraphicFramePr/>
          <p:nvPr>
            <p:extLst>
              <p:ext uri="{D42A27DB-BD31-4B8C-83A1-F6EECF244321}">
                <p14:modId xmlns:p14="http://schemas.microsoft.com/office/powerpoint/2010/main" val="2747277095"/>
              </p:ext>
            </p:extLst>
          </p:nvPr>
        </p:nvGraphicFramePr>
        <p:xfrm>
          <a:off x="871782" y="1028700"/>
          <a:ext cx="7400443" cy="360045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pic>
        <p:nvPicPr>
          <p:cNvPr id="65" name="Picture 4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25644" y="3920490"/>
            <a:ext cx="7380156" cy="480060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8" name="Title 1"/>
          <p:cNvSpPr txBox="1">
            <a:spLocks/>
          </p:cNvSpPr>
          <p:nvPr/>
        </p:nvSpPr>
        <p:spPr bwMode="auto">
          <a:xfrm>
            <a:off x="685800" y="-19050"/>
            <a:ext cx="8229600" cy="3875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394" tIns="45697" rIns="91394" bIns="45697" numCol="1" anchor="ctr" anchorCtr="0" compatLnSpc="1">
            <a:prstTxWarp prst="textNoShape">
              <a:avLst/>
            </a:prstTxWarp>
          </a:bodyPr>
          <a:lstStyle>
            <a:lvl1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 kern="1200">
                <a:solidFill>
                  <a:srgbClr val="4F6228"/>
                </a:solidFill>
                <a:latin typeface="Arial"/>
                <a:ea typeface="ＭＳ Ｐゴシック" charset="-128"/>
                <a:cs typeface="ＭＳ Ｐゴシック" pitchFamily="-108" charset="-128"/>
              </a:defRPr>
            </a:lvl1pPr>
            <a:lvl2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2pPr>
            <a:lvl3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3pPr>
            <a:lvl4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4pPr>
            <a:lvl5pPr algn="l" defTabSz="456972" rtl="0" eaLnBrk="0" fontAlgn="base" hangingPunct="0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  <a:cs typeface="ＭＳ Ｐゴシック" pitchFamily="-108" charset="-128"/>
              </a:defRPr>
            </a:lvl5pPr>
            <a:lvl6pPr marL="456972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6pPr>
            <a:lvl7pPr marL="91394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7pPr>
            <a:lvl8pPr marL="1370915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8pPr>
            <a:lvl9pPr marL="1827890" algn="l" defTabSz="456972" rtl="0" fontAlgn="base">
              <a:spcBef>
                <a:spcPct val="0"/>
              </a:spcBef>
              <a:spcAft>
                <a:spcPct val="0"/>
              </a:spcAft>
              <a:defRPr sz="3600">
                <a:solidFill>
                  <a:srgbClr val="4F6228"/>
                </a:solidFill>
                <a:latin typeface="Arial" charset="0"/>
                <a:ea typeface="ＭＳ Ｐゴシック" charset="-128"/>
              </a:defRPr>
            </a:lvl9pPr>
          </a:lstStyle>
          <a:p>
            <a:pPr>
              <a:defRPr/>
            </a:pPr>
            <a:r>
              <a:rPr lang="en-US" sz="2400" b="1" dirty="0"/>
              <a:t>Romania Landscape</a:t>
            </a:r>
            <a:endParaRPr lang="en-US" sz="1600" b="1" dirty="0"/>
          </a:p>
        </p:txBody>
      </p:sp>
      <p:sp>
        <p:nvSpPr>
          <p:cNvPr id="29" name="TextBox 28"/>
          <p:cNvSpPr txBox="1"/>
          <p:nvPr/>
        </p:nvSpPr>
        <p:spPr>
          <a:xfrm>
            <a:off x="4815840" y="4781551"/>
            <a:ext cx="335280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i="1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Sources: Romania-Insider.com, Economica.net, INSSE</a:t>
            </a:r>
            <a:endParaRPr lang="en-US" sz="1000" i="1">
              <a:solidFill>
                <a:schemeClr val="tx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2" name="Rounded Rectangle 1"/>
          <p:cNvSpPr/>
          <p:nvPr/>
        </p:nvSpPr>
        <p:spPr>
          <a:xfrm>
            <a:off x="925644" y="742950"/>
            <a:ext cx="2350956" cy="762000"/>
          </a:xfrm>
          <a:prstGeom prst="roundRect">
            <a:avLst/>
          </a:prstGeom>
          <a:solidFill>
            <a:schemeClr val="accent3">
              <a:lumMod val="75000"/>
            </a:scheme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ounded Rectangle 9"/>
          <p:cNvSpPr/>
          <p:nvPr/>
        </p:nvSpPr>
        <p:spPr>
          <a:xfrm>
            <a:off x="3352800" y="742950"/>
            <a:ext cx="2350956" cy="762000"/>
          </a:xfrm>
          <a:prstGeom prst="roundRect">
            <a:avLst/>
          </a:prstGeom>
          <a:solidFill>
            <a:srgbClr val="C0000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ounded Rectangle 10"/>
          <p:cNvSpPr/>
          <p:nvPr/>
        </p:nvSpPr>
        <p:spPr>
          <a:xfrm>
            <a:off x="5867400" y="742950"/>
            <a:ext cx="2350956" cy="762000"/>
          </a:xfrm>
          <a:prstGeom prst="roundRect">
            <a:avLst/>
          </a:prstGeom>
          <a:solidFill>
            <a:schemeClr val="tx2">
              <a:lumMod val="60000"/>
              <a:lumOff val="40000"/>
            </a:scheme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TextBox 2"/>
          <p:cNvSpPr txBox="1"/>
          <p:nvPr/>
        </p:nvSpPr>
        <p:spPr>
          <a:xfrm>
            <a:off x="1295400" y="895350"/>
            <a:ext cx="17526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 smtClean="0">
                <a:solidFill>
                  <a:schemeClr val="bg1"/>
                </a:solidFill>
              </a:rPr>
              <a:t>BUCHAREST</a:t>
            </a:r>
            <a:endParaRPr lang="en-US" b="1" dirty="0">
              <a:solidFill>
                <a:schemeClr val="bg1"/>
              </a:solidFill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3657600" y="895350"/>
            <a:ext cx="17526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 smtClean="0">
                <a:solidFill>
                  <a:schemeClr val="bg1"/>
                </a:solidFill>
              </a:rPr>
              <a:t>10 BIG CITIES</a:t>
            </a:r>
            <a:endParaRPr lang="en-US" b="1" dirty="0">
              <a:solidFill>
                <a:schemeClr val="bg1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6172200" y="819151"/>
            <a:ext cx="1752600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b="1" dirty="0" smtClean="0">
                <a:solidFill>
                  <a:schemeClr val="bg1"/>
                </a:solidFill>
              </a:rPr>
              <a:t>REST OF THE COUNTRY</a:t>
            </a:r>
            <a:endParaRPr lang="en-US" b="1" dirty="0">
              <a:solidFill>
                <a:schemeClr val="bg1"/>
              </a:solidFill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2621280" y="3920490"/>
            <a:ext cx="2296160" cy="480060"/>
          </a:xfrm>
          <a:prstGeom prst="rect">
            <a:avLst/>
          </a:prstGeom>
          <a:solidFill>
            <a:schemeClr val="bg1">
              <a:lumMod val="75000"/>
              <a:alpha val="25000"/>
            </a:schemeClr>
          </a:solidFill>
          <a:ln>
            <a:solidFill>
              <a:schemeClr val="accent1">
                <a:shade val="95000"/>
                <a:satMod val="105000"/>
                <a:alpha val="31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5" name="Picture 29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1251" y="4583212"/>
            <a:ext cx="11676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61087376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XMLTAGS" val="1"/>
  <p:tag name="MEKKOXML1" val="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"/>
  <p:tag name="MEKKOEXCEL8" val="False"/>
  <p:tag name="MEKKOEXCEL7" val="False"/>
  <p:tag name="MEKKOEXCEL6" val="False"/>
  <p:tag name="MEKKOSAVED" val="1"/>
  <p:tag name="MEKKOCHARTIMAGE" val="FILL"/>
  <p:tag name="MEKKO" val="MekkoChart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XML1" val="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"/>
  <p:tag name="MEKKOXMLTAGS" val="1"/>
  <p:tag name="MEKKOEXCEL8" val="False"/>
  <p:tag name="MEKKOEXCEL7" val="True"/>
  <p:tag name="MEKKOEXCEL6" val="False"/>
  <p:tag name="MEKKOEXCEL4" val="False"/>
  <p:tag name="MEKKOEXCEL3" val="False"/>
  <p:tag name="MEKKOSAVED" val="1"/>
  <p:tag name="MEKKO" val="MekkoChart"/>
  <p:tag name="MEKKOCHARTIMAGE" val="FILL"/>
  <p:tag name="MEKKOEXCEL1" val="False"/>
  <p:tag name="MEKKOEXCEL2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True"/>
  <p:tag name="BAINBULLETSLEVELSFINGERPRINT" val="-1873568045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True"/>
  <p:tag name="BAINBULLETSLEVELSFINGERPRINT" val="-18541434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"/>
  <p:tag name="MEKKOXMLTAGS" val="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DLZ_Basic">
  <a:themeElements>
    <a:clrScheme name="Delhaize Group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E86A36"/>
      </a:accent1>
      <a:accent2>
        <a:srgbClr val="D63668"/>
      </a:accent2>
      <a:accent3>
        <a:srgbClr val="8B387B"/>
      </a:accent3>
      <a:accent4>
        <a:srgbClr val="40A0CF"/>
      </a:accent4>
      <a:accent5>
        <a:srgbClr val="B8D028"/>
      </a:accent5>
      <a:accent6>
        <a:srgbClr val="414141"/>
      </a:accent6>
      <a:hlink>
        <a:srgbClr val="AB2C1C"/>
      </a:hlink>
      <a:folHlink>
        <a:srgbClr val="800080"/>
      </a:folHlink>
    </a:clrScheme>
    <a:fontScheme name="Office Classique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Bureau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1_DLZ_Basic">
  <a:themeElements>
    <a:clrScheme name="Delhaize Group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E86A36"/>
      </a:accent1>
      <a:accent2>
        <a:srgbClr val="D63668"/>
      </a:accent2>
      <a:accent3>
        <a:srgbClr val="8B387B"/>
      </a:accent3>
      <a:accent4>
        <a:srgbClr val="40A0CF"/>
      </a:accent4>
      <a:accent5>
        <a:srgbClr val="B8D028"/>
      </a:accent5>
      <a:accent6>
        <a:srgbClr val="414141"/>
      </a:accent6>
      <a:hlink>
        <a:srgbClr val="AB2C1C"/>
      </a:hlink>
      <a:folHlink>
        <a:srgbClr val="800080"/>
      </a:folHlink>
    </a:clrScheme>
    <a:fontScheme name="Office Classique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Bureau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3971</TotalTime>
  <Words>1908</Words>
  <Application>Microsoft Office PowerPoint</Application>
  <PresentationFormat>On-screen Show (16:9)</PresentationFormat>
  <Paragraphs>375</Paragraphs>
  <Slides>32</Slides>
  <Notes>17</Notes>
  <HiddenSlides>0</HiddenSlides>
  <MMClips>0</MMClips>
  <ScaleCrop>false</ScaleCrop>
  <HeadingPairs>
    <vt:vector size="6" baseType="variant">
      <vt:variant>
        <vt:lpstr>Theme</vt:lpstr>
      </vt:variant>
      <vt:variant>
        <vt:i4>2</vt:i4>
      </vt:variant>
      <vt:variant>
        <vt:lpstr>Embedded OLE Servers</vt:lpstr>
      </vt:variant>
      <vt:variant>
        <vt:i4>2</vt:i4>
      </vt:variant>
      <vt:variant>
        <vt:lpstr>Slide Titles</vt:lpstr>
      </vt:variant>
      <vt:variant>
        <vt:i4>32</vt:i4>
      </vt:variant>
    </vt:vector>
  </HeadingPairs>
  <TitlesOfParts>
    <vt:vector size="36" baseType="lpstr">
      <vt:lpstr>DLZ_Basic</vt:lpstr>
      <vt:lpstr>1_DLZ_Basic</vt:lpstr>
      <vt:lpstr>think-cell Slide</vt:lpstr>
      <vt:lpstr>Worksheet</vt:lpstr>
      <vt:lpstr>Mega Image  Romania  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European Real GDP growth map</vt:lpstr>
      <vt:lpstr>PowerPoint Presentation</vt:lpstr>
      <vt:lpstr>PowerPoint Presentation</vt:lpstr>
      <vt:lpstr>Customer Profile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Top players – Operating model / formats </vt:lpstr>
      <vt:lpstr>Top players evolution (Food Market)</vt:lpstr>
      <vt:lpstr>Competition Analysis – Turnover distribution</vt:lpstr>
      <vt:lpstr>PowerPoint Presentation</vt:lpstr>
      <vt:lpstr>PowerPoint Presentation</vt:lpstr>
      <vt:lpstr>PowerPoint Presentation</vt:lpstr>
      <vt:lpstr>Mega Image presence in Romania</vt:lpstr>
      <vt:lpstr>Market  Share evolution</vt:lpstr>
      <vt:lpstr>Mega Image Stores Formats</vt:lpstr>
      <vt:lpstr>Mega Image Stores Formats</vt:lpstr>
      <vt:lpstr>Categories Contribution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hold</dc:title>
  <dc:creator>Cazacu Maria Adriana</dc:creator>
  <cp:lastModifiedBy>Nicolaescu Adrian</cp:lastModifiedBy>
  <cp:revision>365</cp:revision>
  <dcterms:created xsi:type="dcterms:W3CDTF">2016-03-10T15:30:18Z</dcterms:created>
  <dcterms:modified xsi:type="dcterms:W3CDTF">2018-05-07T04:51:04Z</dcterms:modified>
  <cp:category>external presentation</cp:category>
</cp:coreProperties>
</file>